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5A346602-FEF9-445A-ACF0-CA0973033CC2}" xr6:coauthVersionLast="47" xr6:coauthVersionMax="47" xr10:uidLastSave="{00000000-0000-0000-0000-000000000000}"/>
  <bookViews>
    <workbookView xWindow="-98" yWindow="-98" windowWidth="20715" windowHeight="13155" xr2:uid="{938D5E6B-DD10-4A57-BCD1-DF5D0A91E291}"/>
  </bookViews>
  <sheets>
    <sheet name="41" sheetId="1" r:id="rId1"/>
  </sheets>
  <definedNames>
    <definedName name="_xlnm._FilterDatabase" localSheetId="0" hidden="1">'41'!$I$8:$O$19</definedName>
    <definedName name="_xlnm.Print_Area" localSheetId="0">'41'!$A$1:$X$66</definedName>
    <definedName name="_xlnm.Print_Titles" localSheetId="0">'41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73" uniqueCount="63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びん</t>
  </si>
  <si>
    <t>缶　</t>
  </si>
  <si>
    <t>缶　</t>
    <phoneticPr fontId="2"/>
  </si>
  <si>
    <t>可燃</t>
    <phoneticPr fontId="2"/>
  </si>
  <si>
    <t>プラ不燃</t>
  </si>
  <si>
    <t>ﾍﾟｯﾄ</t>
  </si>
  <si>
    <t>缶
紙</t>
    <phoneticPr fontId="2"/>
  </si>
  <si>
    <t>缶　紙</t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ﾍﾟｯﾄ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月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２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第２・４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木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  （プラ）</t>
    <rPh sb="6" eb="8">
      <t>シゲン</t>
    </rPh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t>空きびん　　　（びん）</t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r>
      <t xml:space="preserve">保内地区
</t>
    </r>
    <r>
      <rPr>
        <b/>
        <sz val="14"/>
        <rFont val="HGSｺﾞｼｯｸM"/>
        <family val="3"/>
        <charset val="128"/>
      </rPr>
      <t>（福島・水谷望岳台・妙川寺市住・八尾コーポ）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5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26"/>
      <color rgb="FFFF0000"/>
      <name val="HGP創英角ﾎﾟｯﾌﾟ体"/>
      <family val="3"/>
      <charset val="128"/>
    </font>
    <font>
      <b/>
      <sz val="15"/>
      <color indexed="14"/>
      <name val="HGP創英角ﾎﾟｯﾌﾟ体"/>
      <family val="3"/>
      <charset val="128"/>
    </font>
    <font>
      <b/>
      <sz val="11"/>
      <color indexed="10"/>
      <name val="HGSｺﾞｼｯｸM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4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8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2" fillId="0" borderId="13" xfId="0" applyFont="1" applyBorder="1" applyAlignment="1">
      <alignment horizontal="center" vertical="center" wrapText="1"/>
    </xf>
    <xf numFmtId="0" fontId="14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0" borderId="16" xfId="0" applyFont="1" applyBorder="1" applyAlignment="1">
      <alignment horizontal="center" vertical="top" wrapText="1"/>
    </xf>
    <xf numFmtId="0" fontId="15" fillId="0" borderId="12" xfId="0" applyFont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6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8" fillId="0" borderId="0" xfId="0" applyFont="1" applyAlignment="1">
      <alignment vertical="top" wrapText="1"/>
    </xf>
    <xf numFmtId="0" fontId="19" fillId="0" borderId="0" xfId="0" applyFont="1" applyAlignment="1">
      <alignment vertical="top" wrapText="1"/>
    </xf>
    <xf numFmtId="0" fontId="15" fillId="0" borderId="9" xfId="0" applyFont="1" applyBorder="1" applyAlignment="1">
      <alignment horizontal="center" vertical="top" wrapText="1"/>
    </xf>
    <xf numFmtId="0" fontId="5" fillId="0" borderId="30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6" fillId="2" borderId="0" xfId="0" applyFont="1" applyFill="1" applyAlignment="1">
      <alignment horizontal="center" vertical="center" wrapText="1"/>
    </xf>
    <xf numFmtId="57" fontId="21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2" fillId="0" borderId="0" xfId="0" applyFont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5" fillId="0" borderId="22" xfId="0" applyFont="1" applyBorder="1" applyAlignment="1">
      <alignment horizontal="center" vertical="center"/>
    </xf>
    <xf numFmtId="0" fontId="24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top"/>
    </xf>
    <xf numFmtId="0" fontId="24" fillId="0" borderId="0" xfId="0" applyFont="1" applyAlignment="1">
      <alignment vertical="center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top" wrapText="1"/>
    </xf>
    <xf numFmtId="0" fontId="25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16" fillId="0" borderId="0" xfId="0" applyFont="1" applyAlignment="1">
      <alignment horizontal="left" vertical="center"/>
    </xf>
    <xf numFmtId="0" fontId="16" fillId="2" borderId="0" xfId="0" applyFont="1" applyFill="1" applyAlignment="1">
      <alignment horizontal="center" vertical="center"/>
    </xf>
    <xf numFmtId="0" fontId="26" fillId="0" borderId="5" xfId="0" applyFont="1" applyBorder="1" applyAlignment="1">
      <alignment vertical="center"/>
    </xf>
    <xf numFmtId="0" fontId="27" fillId="0" borderId="0" xfId="0" applyFont="1" applyAlignment="1">
      <alignment horizontal="center" vertical="center"/>
    </xf>
    <xf numFmtId="0" fontId="28" fillId="0" borderId="0" xfId="0" applyFont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35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9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2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19" fillId="0" borderId="36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19" fillId="0" borderId="36" xfId="0" applyFont="1" applyBorder="1" applyAlignment="1">
      <alignment horizontal="left" vertical="center"/>
    </xf>
    <xf numFmtId="0" fontId="19" fillId="0" borderId="39" xfId="0" applyFont="1" applyBorder="1" applyAlignment="1">
      <alignment horizontal="left" vertical="center"/>
    </xf>
    <xf numFmtId="0" fontId="4" fillId="0" borderId="40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19" fillId="0" borderId="36" xfId="0" applyFont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6" fillId="2" borderId="26" xfId="0" applyFont="1" applyFill="1" applyBorder="1" applyAlignment="1">
      <alignment horizontal="center" vertical="center" wrapText="1"/>
    </xf>
    <xf numFmtId="0" fontId="16" fillId="2" borderId="25" xfId="0" applyFont="1" applyFill="1" applyBorder="1" applyAlignment="1">
      <alignment horizontal="center" vertical="center" wrapText="1"/>
    </xf>
    <xf numFmtId="0" fontId="16" fillId="2" borderId="24" xfId="0" applyFont="1" applyFill="1" applyBorder="1" applyAlignment="1">
      <alignment horizontal="center" vertical="center" wrapText="1"/>
    </xf>
    <xf numFmtId="0" fontId="19" fillId="0" borderId="37" xfId="0" applyFont="1" applyBorder="1" applyAlignment="1">
      <alignment horizontal="center" vertical="center" wrapText="1"/>
    </xf>
    <xf numFmtId="0" fontId="19" fillId="0" borderId="6" xfId="0" applyFont="1" applyBorder="1" applyAlignment="1">
      <alignment horizontal="center" vertical="center" wrapText="1"/>
    </xf>
    <xf numFmtId="0" fontId="19" fillId="0" borderId="36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16" fillId="2" borderId="26" xfId="0" applyFont="1" applyFill="1" applyBorder="1" applyAlignment="1">
      <alignment horizontal="center" vertical="center"/>
    </xf>
    <xf numFmtId="0" fontId="16" fillId="2" borderId="25" xfId="0" applyFont="1" applyFill="1" applyBorder="1" applyAlignment="1">
      <alignment horizontal="center" vertical="center"/>
    </xf>
    <xf numFmtId="0" fontId="16" fillId="2" borderId="24" xfId="0" applyFont="1" applyFill="1" applyBorder="1" applyAlignment="1">
      <alignment horizontal="center" vertical="center"/>
    </xf>
    <xf numFmtId="0" fontId="16" fillId="2" borderId="7" xfId="0" applyFont="1" applyFill="1" applyBorder="1" applyAlignment="1">
      <alignment horizontal="center" vertical="center"/>
    </xf>
    <xf numFmtId="0" fontId="16" fillId="2" borderId="0" xfId="0" applyFont="1" applyFill="1" applyAlignment="1">
      <alignment horizontal="center" vertical="center"/>
    </xf>
    <xf numFmtId="0" fontId="19" fillId="0" borderId="39" xfId="0" applyFont="1" applyBorder="1" applyAlignment="1">
      <alignment horizontal="left" vertical="center" wrapText="1"/>
    </xf>
    <xf numFmtId="0" fontId="19" fillId="0" borderId="36" xfId="0" applyFont="1" applyBorder="1" applyAlignment="1">
      <alignment horizontal="left" vertical="center" wrapText="1"/>
    </xf>
    <xf numFmtId="0" fontId="33" fillId="0" borderId="0" xfId="0" applyFont="1" applyAlignment="1">
      <alignment horizontal="center" vertical="center" wrapText="1"/>
    </xf>
    <xf numFmtId="0" fontId="33" fillId="0" borderId="0" xfId="0" applyFont="1" applyAlignment="1">
      <alignment horizontal="center" vertical="center"/>
    </xf>
    <xf numFmtId="0" fontId="30" fillId="0" borderId="0" xfId="0" applyFont="1" applyAlignment="1">
      <alignment horizontal="left" vertical="center" wrapText="1"/>
    </xf>
    <xf numFmtId="0" fontId="19" fillId="0" borderId="39" xfId="0" applyFont="1" applyBorder="1" applyAlignment="1">
      <alignment horizontal="left" vertical="center" wrapText="1" shrinkToFit="1"/>
    </xf>
    <xf numFmtId="0" fontId="19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9" fillId="0" borderId="38" xfId="0" applyFont="1" applyBorder="1" applyAlignment="1">
      <alignment horizontal="left" vertical="center" wrapText="1"/>
    </xf>
    <xf numFmtId="0" fontId="29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  <xf numFmtId="57" fontId="6" fillId="0" borderId="0" xfId="0" applyNumberFormat="1" applyFont="1" applyAlignment="1">
      <alignment horizontal="center" wrapText="1"/>
    </xf>
    <xf numFmtId="57" fontId="6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075F11C7-0CB4-4AF1-B24A-55450FE38945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8265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4F47FAC8-B68D-4E5A-9962-7935A0BA1395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8265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20</xdr:col>
      <xdr:colOff>26277</xdr:colOff>
      <xdr:row>4</xdr:row>
      <xdr:rowOff>8404</xdr:rowOff>
    </xdr:from>
    <xdr:to>
      <xdr:col>23</xdr:col>
      <xdr:colOff>66254</xdr:colOff>
      <xdr:row>5</xdr:row>
      <xdr:rowOff>156</xdr:rowOff>
    </xdr:to>
    <xdr:sp macro="" textlink="">
      <xdr:nvSpPr>
        <xdr:cNvPr id="4" name="Rectangle 16">
          <a:extLst>
            <a:ext uri="{FF2B5EF4-FFF2-40B4-BE49-F238E27FC236}">
              <a16:creationId xmlns:a16="http://schemas.microsoft.com/office/drawing/2014/main" id="{927EFB29-6085-4279-853F-CD219491A234}"/>
            </a:ext>
          </a:extLst>
        </xdr:cNvPr>
        <xdr:cNvSpPr>
          <a:spLocks noChangeArrowheads="1"/>
        </xdr:cNvSpPr>
      </xdr:nvSpPr>
      <xdr:spPr bwMode="auto">
        <a:xfrm>
          <a:off x="12885027" y="808504"/>
          <a:ext cx="1968790" cy="153677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254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「紙」の回収は、</a:t>
          </a: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地区が主体となって行っています。</a:t>
          </a:r>
        </a:p>
      </xdr:txBody>
    </xdr:sp>
    <xdr:clientData/>
  </xdr:twoCellAnchor>
  <xdr:twoCellAnchor>
    <xdr:from>
      <xdr:col>0</xdr:col>
      <xdr:colOff>40005</xdr:colOff>
      <xdr:row>34</xdr:row>
      <xdr:rowOff>125729</xdr:rowOff>
    </xdr:from>
    <xdr:to>
      <xdr:col>7</xdr:col>
      <xdr:colOff>200121</xdr:colOff>
      <xdr:row>34</xdr:row>
      <xdr:rowOff>1047748</xdr:rowOff>
    </xdr:to>
    <xdr:sp macro="" textlink="">
      <xdr:nvSpPr>
        <xdr:cNvPr id="5" name="Text Box 30">
          <a:extLst>
            <a:ext uri="{FF2B5EF4-FFF2-40B4-BE49-F238E27FC236}">
              <a16:creationId xmlns:a16="http://schemas.microsoft.com/office/drawing/2014/main" id="{93667B38-E65A-44C2-8F01-DEF2E923E77E}"/>
            </a:ext>
          </a:extLst>
        </xdr:cNvPr>
        <xdr:cNvSpPr txBox="1">
          <a:spLocks noChangeArrowheads="1"/>
        </xdr:cNvSpPr>
      </xdr:nvSpPr>
      <xdr:spPr bwMode="auto">
        <a:xfrm>
          <a:off x="40005" y="9565004"/>
          <a:ext cx="4660679" cy="36194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47625</xdr:colOff>
      <xdr:row>64</xdr:row>
      <xdr:rowOff>160972</xdr:rowOff>
    </xdr:from>
    <xdr:to>
      <xdr:col>7</xdr:col>
      <xdr:colOff>217270</xdr:colOff>
      <xdr:row>64</xdr:row>
      <xdr:rowOff>971550</xdr:rowOff>
    </xdr:to>
    <xdr:sp macro="" textlink="">
      <xdr:nvSpPr>
        <xdr:cNvPr id="6" name="Text Box 30">
          <a:extLst>
            <a:ext uri="{FF2B5EF4-FFF2-40B4-BE49-F238E27FC236}">
              <a16:creationId xmlns:a16="http://schemas.microsoft.com/office/drawing/2014/main" id="{53D7CA81-CD1C-4311-9B5D-D0B60815D0C5}"/>
            </a:ext>
          </a:extLst>
        </xdr:cNvPr>
        <xdr:cNvSpPr txBox="1">
          <a:spLocks noChangeArrowheads="1"/>
        </xdr:cNvSpPr>
      </xdr:nvSpPr>
      <xdr:spPr bwMode="auto">
        <a:xfrm>
          <a:off x="47625" y="18239422"/>
          <a:ext cx="4670208" cy="953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20C80E8-90E6-4E41-B7F7-6C32214C9D58}">
  <sheetPr codeName="Sheet10"/>
  <dimension ref="A1:AL110"/>
  <sheetViews>
    <sheetView showZeros="0" tabSelected="1" view="pageBreakPreview" zoomScale="50" zoomScaleNormal="75" zoomScaleSheetLayoutView="50" workbookViewId="0">
      <selection activeCell="AA34" sqref="AA34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8" ht="68.25" customHeight="1" x14ac:dyDescent="0.4">
      <c r="A1" s="137" t="s">
        <v>61</v>
      </c>
      <c r="B1" s="138"/>
      <c r="C1" s="138"/>
      <c r="D1" s="139" t="s">
        <v>60</v>
      </c>
      <c r="E1" s="139"/>
      <c r="F1" s="139"/>
      <c r="G1" s="139"/>
      <c r="H1" s="139"/>
      <c r="I1" s="139"/>
      <c r="J1" s="139"/>
      <c r="K1" s="139"/>
      <c r="L1" s="139"/>
      <c r="M1" s="139"/>
      <c r="N1" s="139"/>
      <c r="O1" s="146" t="s">
        <v>62</v>
      </c>
      <c r="P1" s="146"/>
      <c r="Q1" s="146"/>
      <c r="R1" s="146"/>
      <c r="S1" s="146"/>
      <c r="T1" s="146"/>
      <c r="U1" s="146"/>
      <c r="V1" s="146"/>
      <c r="W1" s="111">
        <v>41</v>
      </c>
    </row>
    <row r="2" spans="1:38" ht="35.1" customHeight="1" x14ac:dyDescent="0.25">
      <c r="A2" s="109"/>
      <c r="B2" s="140" t="s">
        <v>59</v>
      </c>
      <c r="C2" s="141"/>
      <c r="D2" s="141"/>
      <c r="E2" s="125" t="s">
        <v>58</v>
      </c>
      <c r="F2" s="125"/>
      <c r="G2" s="142" t="s">
        <v>57</v>
      </c>
      <c r="H2" s="142"/>
      <c r="I2" s="142"/>
      <c r="J2" s="110" t="s">
        <v>38</v>
      </c>
      <c r="K2" s="109"/>
      <c r="L2" s="105" t="s">
        <v>56</v>
      </c>
      <c r="M2" s="108"/>
      <c r="N2" s="108"/>
      <c r="O2" s="125" t="s">
        <v>44</v>
      </c>
      <c r="P2" s="125"/>
      <c r="Q2" s="126" t="s">
        <v>55</v>
      </c>
      <c r="R2" s="126"/>
      <c r="S2" s="102" t="s">
        <v>49</v>
      </c>
      <c r="T2" s="106" t="s">
        <v>38</v>
      </c>
      <c r="U2" s="143" t="s">
        <v>54</v>
      </c>
      <c r="V2" s="144"/>
      <c r="W2" s="144"/>
      <c r="X2" s="144"/>
    </row>
    <row r="3" spans="1:38" s="96" customFormat="1" ht="35.1" customHeight="1" x14ac:dyDescent="0.25">
      <c r="A3" s="100"/>
      <c r="B3" s="135" t="s">
        <v>53</v>
      </c>
      <c r="C3" s="136"/>
      <c r="D3" s="136"/>
      <c r="E3" s="125" t="s">
        <v>44</v>
      </c>
      <c r="F3" s="125"/>
      <c r="G3" s="125" t="s">
        <v>43</v>
      </c>
      <c r="H3" s="125"/>
      <c r="I3" s="98" t="s">
        <v>49</v>
      </c>
      <c r="J3" s="101" t="s">
        <v>38</v>
      </c>
      <c r="K3" s="107"/>
      <c r="L3" s="140" t="s">
        <v>52</v>
      </c>
      <c r="M3" s="141"/>
      <c r="N3" s="141"/>
      <c r="O3" s="125" t="s">
        <v>51</v>
      </c>
      <c r="P3" s="125"/>
      <c r="Q3" s="145" t="s">
        <v>50</v>
      </c>
      <c r="R3" s="145"/>
      <c r="S3" s="102" t="s">
        <v>49</v>
      </c>
      <c r="T3" s="106" t="s">
        <v>38</v>
      </c>
      <c r="U3" s="143"/>
      <c r="V3" s="144"/>
      <c r="W3" s="144"/>
      <c r="X3" s="144"/>
    </row>
    <row r="4" spans="1:38" s="96" customFormat="1" ht="35.1" customHeight="1" x14ac:dyDescent="0.25">
      <c r="A4" s="100"/>
      <c r="B4" s="105" t="s">
        <v>48</v>
      </c>
      <c r="C4" s="104"/>
      <c r="D4" s="103"/>
      <c r="E4" s="125" t="s">
        <v>44</v>
      </c>
      <c r="F4" s="125"/>
      <c r="G4" s="125" t="s">
        <v>47</v>
      </c>
      <c r="H4" s="125"/>
      <c r="I4" s="102" t="s">
        <v>32</v>
      </c>
      <c r="J4" s="101" t="s">
        <v>38</v>
      </c>
      <c r="K4" s="100"/>
      <c r="L4" s="135" t="s">
        <v>46</v>
      </c>
      <c r="M4" s="136"/>
      <c r="N4" s="99" t="s">
        <v>45</v>
      </c>
      <c r="O4" s="125" t="s">
        <v>44</v>
      </c>
      <c r="P4" s="125"/>
      <c r="Q4" s="125" t="s">
        <v>43</v>
      </c>
      <c r="R4" s="125"/>
      <c r="S4" s="98" t="s">
        <v>32</v>
      </c>
      <c r="T4" s="97" t="s">
        <v>38</v>
      </c>
      <c r="U4" s="143"/>
      <c r="V4" s="144"/>
      <c r="W4" s="144"/>
      <c r="X4" s="144"/>
    </row>
    <row r="5" spans="1:38" ht="37.5" customHeight="1" thickBot="1" x14ac:dyDescent="0.3">
      <c r="A5" s="94"/>
      <c r="B5" s="95" t="s">
        <v>42</v>
      </c>
      <c r="C5" s="95"/>
      <c r="D5" s="94"/>
      <c r="E5" s="94"/>
      <c r="F5" s="94"/>
      <c r="G5" s="94"/>
      <c r="H5" s="94"/>
      <c r="I5" s="94"/>
      <c r="J5" s="94"/>
      <c r="K5" s="94"/>
      <c r="L5" s="122" t="s">
        <v>41</v>
      </c>
      <c r="M5" s="123"/>
      <c r="N5" s="124"/>
      <c r="O5" s="125" t="s">
        <v>40</v>
      </c>
      <c r="P5" s="125"/>
      <c r="Q5" s="126" t="s">
        <v>39</v>
      </c>
      <c r="R5" s="126"/>
      <c r="S5" s="93" t="s">
        <v>32</v>
      </c>
      <c r="T5" s="92" t="s">
        <v>38</v>
      </c>
      <c r="U5" s="91"/>
      <c r="V5" s="91"/>
      <c r="W5" s="91"/>
      <c r="Y5" s="90"/>
    </row>
    <row r="6" spans="1:38" s="86" customFormat="1" ht="39.950000000000003" customHeight="1" thickBot="1" x14ac:dyDescent="0.3">
      <c r="A6" s="52" t="s">
        <v>37</v>
      </c>
      <c r="B6" s="89"/>
      <c r="C6" s="127" t="s">
        <v>36</v>
      </c>
      <c r="D6" s="128"/>
      <c r="E6" s="129"/>
      <c r="J6" s="88"/>
      <c r="K6" s="130" t="s">
        <v>35</v>
      </c>
      <c r="L6" s="131"/>
      <c r="M6" s="132"/>
      <c r="N6" s="88"/>
      <c r="S6" s="133" t="s">
        <v>34</v>
      </c>
      <c r="T6" s="134"/>
      <c r="U6" s="132"/>
      <c r="V6" s="88"/>
      <c r="Y6" s="87"/>
    </row>
    <row r="7" spans="1:38" s="74" customFormat="1" ht="35.1" customHeight="1" x14ac:dyDescent="0.4">
      <c r="A7" s="84" t="s">
        <v>19</v>
      </c>
      <c r="B7" s="67" t="s">
        <v>18</v>
      </c>
      <c r="C7" s="85" t="s">
        <v>17</v>
      </c>
      <c r="D7" s="67" t="s">
        <v>16</v>
      </c>
      <c r="E7" s="67" t="s">
        <v>15</v>
      </c>
      <c r="F7" s="67" t="s">
        <v>33</v>
      </c>
      <c r="G7" s="82" t="s">
        <v>13</v>
      </c>
      <c r="I7" s="84" t="s">
        <v>19</v>
      </c>
      <c r="J7" s="83" t="s">
        <v>32</v>
      </c>
      <c r="K7" s="83" t="s">
        <v>17</v>
      </c>
      <c r="L7" s="83" t="s">
        <v>16</v>
      </c>
      <c r="M7" s="83" t="s">
        <v>15</v>
      </c>
      <c r="N7" s="83" t="s">
        <v>14</v>
      </c>
      <c r="O7" s="82" t="s">
        <v>13</v>
      </c>
      <c r="Q7" s="84" t="s">
        <v>19</v>
      </c>
      <c r="R7" s="67" t="s">
        <v>18</v>
      </c>
      <c r="S7" s="83" t="s">
        <v>17</v>
      </c>
      <c r="T7" s="83" t="s">
        <v>16</v>
      </c>
      <c r="U7" s="83" t="s">
        <v>15</v>
      </c>
      <c r="V7" s="83" t="s">
        <v>14</v>
      </c>
      <c r="W7" s="82" t="s">
        <v>13</v>
      </c>
      <c r="Y7" s="75"/>
      <c r="Z7" s="70"/>
      <c r="AA7" s="70"/>
      <c r="AB7" s="70"/>
      <c r="AC7" s="70"/>
      <c r="AD7" s="70"/>
      <c r="AE7" s="70"/>
      <c r="AF7" s="70"/>
      <c r="AG7" s="70"/>
      <c r="AH7" s="70"/>
      <c r="AI7" s="70"/>
      <c r="AJ7" s="70"/>
      <c r="AK7" s="70"/>
      <c r="AL7" s="70"/>
    </row>
    <row r="8" spans="1:38" s="74" customFormat="1" ht="35.1" customHeight="1" x14ac:dyDescent="0.4">
      <c r="A8" s="79">
        <v>0</v>
      </c>
      <c r="B8" s="81">
        <v>0</v>
      </c>
      <c r="C8" s="74">
        <v>0</v>
      </c>
      <c r="D8" s="74">
        <v>1</v>
      </c>
      <c r="E8" s="74">
        <v>2</v>
      </c>
      <c r="F8" s="77">
        <v>3</v>
      </c>
      <c r="G8" s="80">
        <v>4</v>
      </c>
      <c r="I8" s="79">
        <v>0</v>
      </c>
      <c r="J8" s="74">
        <v>0</v>
      </c>
      <c r="K8" s="74">
        <v>0</v>
      </c>
      <c r="L8" s="74">
        <v>0</v>
      </c>
      <c r="M8" s="74">
        <v>0</v>
      </c>
      <c r="N8" s="77">
        <v>1</v>
      </c>
      <c r="O8" s="76">
        <v>2</v>
      </c>
      <c r="Q8" s="78">
        <v>0</v>
      </c>
      <c r="R8" s="74">
        <v>1</v>
      </c>
      <c r="S8" s="74">
        <v>2</v>
      </c>
      <c r="T8" s="74">
        <v>3</v>
      </c>
      <c r="U8" s="74">
        <v>4</v>
      </c>
      <c r="V8" s="77">
        <v>5</v>
      </c>
      <c r="W8" s="76">
        <v>6</v>
      </c>
      <c r="Y8" s="75"/>
      <c r="Z8" s="70"/>
      <c r="AA8" s="70"/>
      <c r="AB8" s="70"/>
      <c r="AC8" s="70"/>
      <c r="AD8" s="70"/>
      <c r="AE8" s="70"/>
      <c r="AF8" s="70"/>
      <c r="AG8" s="70"/>
      <c r="AH8" s="70"/>
      <c r="AI8" s="70"/>
      <c r="AJ8" s="70"/>
      <c r="AK8" s="70"/>
      <c r="AL8" s="70"/>
    </row>
    <row r="9" spans="1:38" s="72" customFormat="1" ht="70.5" customHeight="1" x14ac:dyDescent="0.25">
      <c r="A9" s="32"/>
      <c r="B9" s="30"/>
      <c r="C9" s="30"/>
      <c r="D9" s="30"/>
      <c r="E9" s="30" t="s">
        <v>8</v>
      </c>
      <c r="F9" s="30" t="s">
        <v>3</v>
      </c>
      <c r="G9" s="36"/>
      <c r="I9" s="32"/>
      <c r="J9" s="30"/>
      <c r="K9" s="30"/>
      <c r="L9" s="30"/>
      <c r="M9" s="30"/>
      <c r="N9" s="33" t="s">
        <v>3</v>
      </c>
      <c r="O9" s="36"/>
      <c r="Q9" s="32"/>
      <c r="R9" s="30" t="s">
        <v>9</v>
      </c>
      <c r="S9" s="30" t="s">
        <v>3</v>
      </c>
      <c r="T9" s="30"/>
      <c r="U9" s="30" t="s">
        <v>8</v>
      </c>
      <c r="V9" s="33" t="s">
        <v>3</v>
      </c>
      <c r="W9" s="36"/>
      <c r="Z9" s="73"/>
      <c r="AA9" s="73"/>
      <c r="AB9" s="73"/>
      <c r="AC9" s="73"/>
      <c r="AD9" s="73"/>
      <c r="AE9" s="73"/>
      <c r="AF9" s="73"/>
      <c r="AG9" s="73"/>
      <c r="AH9" s="73"/>
      <c r="AI9" s="73"/>
      <c r="AJ9" s="73"/>
      <c r="AK9" s="73"/>
      <c r="AL9" s="73"/>
    </row>
    <row r="10" spans="1:38" s="5" customFormat="1" ht="35.1" customHeight="1" x14ac:dyDescent="0.4">
      <c r="A10" s="68">
        <v>5</v>
      </c>
      <c r="B10" s="41">
        <v>6</v>
      </c>
      <c r="C10" s="44">
        <v>7</v>
      </c>
      <c r="D10" s="41">
        <v>8</v>
      </c>
      <c r="E10" s="41">
        <v>9</v>
      </c>
      <c r="F10" s="41">
        <v>10</v>
      </c>
      <c r="G10" s="34">
        <v>11</v>
      </c>
      <c r="I10" s="68">
        <v>3</v>
      </c>
      <c r="J10" s="42">
        <v>4</v>
      </c>
      <c r="K10" s="42">
        <v>5</v>
      </c>
      <c r="L10" s="42">
        <v>6</v>
      </c>
      <c r="M10" s="41">
        <v>7</v>
      </c>
      <c r="N10" s="41">
        <v>8</v>
      </c>
      <c r="O10" s="40">
        <v>9</v>
      </c>
      <c r="Q10" s="68">
        <v>7</v>
      </c>
      <c r="R10" s="41">
        <v>8</v>
      </c>
      <c r="S10" s="41">
        <v>9</v>
      </c>
      <c r="T10" s="41">
        <v>10</v>
      </c>
      <c r="U10" s="41">
        <v>11</v>
      </c>
      <c r="V10" s="41">
        <v>12</v>
      </c>
      <c r="W10" s="40">
        <v>13</v>
      </c>
      <c r="Y10" s="71"/>
      <c r="Z10" s="70"/>
      <c r="AA10" s="70"/>
      <c r="AB10" s="70"/>
      <c r="AC10" s="70"/>
      <c r="AD10" s="70"/>
      <c r="AE10" s="70"/>
      <c r="AF10" s="70"/>
      <c r="AG10" s="70"/>
      <c r="AH10" s="70"/>
      <c r="AI10" s="70"/>
      <c r="AJ10" s="70"/>
      <c r="AK10" s="70"/>
      <c r="AL10" s="70"/>
    </row>
    <row r="11" spans="1:38" s="28" customFormat="1" ht="70.5" customHeight="1" x14ac:dyDescent="0.25">
      <c r="A11" s="31"/>
      <c r="B11" s="37" t="s">
        <v>9</v>
      </c>
      <c r="C11" s="37" t="s">
        <v>3</v>
      </c>
      <c r="D11" s="37"/>
      <c r="E11" s="37" t="s">
        <v>4</v>
      </c>
      <c r="F11" s="30" t="s">
        <v>3</v>
      </c>
      <c r="G11" s="36"/>
      <c r="I11" s="31"/>
      <c r="J11" s="37"/>
      <c r="K11" s="37"/>
      <c r="L11" s="37"/>
      <c r="M11" s="37" t="s">
        <v>8</v>
      </c>
      <c r="N11" s="33" t="s">
        <v>3</v>
      </c>
      <c r="O11" s="36"/>
      <c r="Q11" s="31"/>
      <c r="R11" s="37" t="s">
        <v>11</v>
      </c>
      <c r="S11" s="33" t="s">
        <v>3</v>
      </c>
      <c r="T11" s="37"/>
      <c r="U11" s="37" t="s">
        <v>4</v>
      </c>
      <c r="V11" s="37" t="s">
        <v>3</v>
      </c>
      <c r="W11" s="36"/>
      <c r="Z11" s="69"/>
    </row>
    <row r="12" spans="1:38" s="5" customFormat="1" ht="35.1" customHeight="1" x14ac:dyDescent="0.25">
      <c r="A12" s="43">
        <v>12</v>
      </c>
      <c r="B12" s="41">
        <v>13</v>
      </c>
      <c r="C12" s="44">
        <v>14</v>
      </c>
      <c r="D12" s="41">
        <v>15</v>
      </c>
      <c r="E12" s="41">
        <v>16</v>
      </c>
      <c r="F12" s="41">
        <v>17</v>
      </c>
      <c r="G12" s="34">
        <v>18</v>
      </c>
      <c r="I12" s="43">
        <v>10</v>
      </c>
      <c r="J12" s="41">
        <v>11</v>
      </c>
      <c r="K12" s="41">
        <v>12</v>
      </c>
      <c r="L12" s="41">
        <v>13</v>
      </c>
      <c r="M12" s="41">
        <v>14</v>
      </c>
      <c r="N12" s="41">
        <v>15</v>
      </c>
      <c r="O12" s="40">
        <v>16</v>
      </c>
      <c r="Q12" s="68">
        <v>14</v>
      </c>
      <c r="R12" s="41">
        <v>15</v>
      </c>
      <c r="S12" s="41">
        <v>16</v>
      </c>
      <c r="T12" s="41">
        <v>17</v>
      </c>
      <c r="U12" s="41">
        <v>18</v>
      </c>
      <c r="V12" s="41">
        <v>19</v>
      </c>
      <c r="W12" s="40">
        <v>20</v>
      </c>
    </row>
    <row r="13" spans="1:38" s="28" customFormat="1" ht="70.5" customHeight="1" x14ac:dyDescent="0.25">
      <c r="A13" s="31"/>
      <c r="B13" s="37" t="s">
        <v>11</v>
      </c>
      <c r="C13" s="33" t="s">
        <v>3</v>
      </c>
      <c r="D13" s="37"/>
      <c r="E13" s="37" t="s">
        <v>8</v>
      </c>
      <c r="F13" s="30" t="s">
        <v>3</v>
      </c>
      <c r="G13" s="36"/>
      <c r="I13" s="31"/>
      <c r="J13" s="37" t="s">
        <v>11</v>
      </c>
      <c r="K13" s="33" t="s">
        <v>3</v>
      </c>
      <c r="L13" s="37"/>
      <c r="M13" s="37" t="s">
        <v>4</v>
      </c>
      <c r="N13" s="33" t="s">
        <v>3</v>
      </c>
      <c r="O13" s="36"/>
      <c r="Q13" s="31"/>
      <c r="R13" s="37" t="s">
        <v>9</v>
      </c>
      <c r="S13" s="33" t="s">
        <v>3</v>
      </c>
      <c r="T13" s="37"/>
      <c r="U13" s="37" t="s">
        <v>8</v>
      </c>
      <c r="V13" s="33" t="s">
        <v>3</v>
      </c>
      <c r="W13" s="36"/>
    </row>
    <row r="14" spans="1:38" s="5" customFormat="1" ht="35.1" customHeight="1" x14ac:dyDescent="0.25">
      <c r="A14" s="43">
        <v>19</v>
      </c>
      <c r="B14" s="44">
        <v>20</v>
      </c>
      <c r="C14" s="44">
        <v>21</v>
      </c>
      <c r="D14" s="41">
        <v>22</v>
      </c>
      <c r="E14" s="41">
        <v>23</v>
      </c>
      <c r="F14" s="41">
        <v>24</v>
      </c>
      <c r="G14" s="34">
        <v>25</v>
      </c>
      <c r="I14" s="43">
        <v>17</v>
      </c>
      <c r="J14" s="41">
        <v>18</v>
      </c>
      <c r="K14" s="41">
        <v>19</v>
      </c>
      <c r="L14" s="41">
        <v>20</v>
      </c>
      <c r="M14" s="41">
        <v>21</v>
      </c>
      <c r="N14" s="41">
        <v>22</v>
      </c>
      <c r="O14" s="40">
        <v>23</v>
      </c>
      <c r="Q14" s="43">
        <v>21</v>
      </c>
      <c r="R14" s="41">
        <v>22</v>
      </c>
      <c r="S14" s="41">
        <v>23</v>
      </c>
      <c r="T14" s="41">
        <v>24</v>
      </c>
      <c r="U14" s="41">
        <v>25</v>
      </c>
      <c r="V14" s="41">
        <v>26</v>
      </c>
      <c r="W14" s="40">
        <v>27</v>
      </c>
    </row>
    <row r="15" spans="1:38" s="28" customFormat="1" ht="70.5" customHeight="1" x14ac:dyDescent="0.25">
      <c r="A15" s="31"/>
      <c r="B15" s="37" t="s">
        <v>9</v>
      </c>
      <c r="C15" s="33" t="s">
        <v>3</v>
      </c>
      <c r="D15" s="37"/>
      <c r="E15" s="37" t="s">
        <v>4</v>
      </c>
      <c r="F15" s="30" t="s">
        <v>3</v>
      </c>
      <c r="G15" s="36"/>
      <c r="I15" s="31"/>
      <c r="J15" s="37" t="s">
        <v>9</v>
      </c>
      <c r="K15" s="33" t="s">
        <v>3</v>
      </c>
      <c r="L15" s="37"/>
      <c r="M15" s="37" t="s">
        <v>8</v>
      </c>
      <c r="N15" s="33" t="s">
        <v>3</v>
      </c>
      <c r="O15" s="36"/>
      <c r="Q15" s="31"/>
      <c r="R15" s="37" t="s">
        <v>5</v>
      </c>
      <c r="S15" s="33" t="s">
        <v>3</v>
      </c>
      <c r="T15" s="37"/>
      <c r="U15" s="37" t="s">
        <v>4</v>
      </c>
      <c r="V15" s="33" t="s">
        <v>3</v>
      </c>
      <c r="W15" s="36"/>
    </row>
    <row r="16" spans="1:38" s="5" customFormat="1" ht="35.1" customHeight="1" x14ac:dyDescent="0.25">
      <c r="A16" s="35">
        <v>26</v>
      </c>
      <c r="B16" s="24">
        <v>27</v>
      </c>
      <c r="C16" s="24">
        <v>28</v>
      </c>
      <c r="D16" s="57">
        <v>29</v>
      </c>
      <c r="E16" s="24">
        <v>30</v>
      </c>
      <c r="F16" s="24">
        <v>0</v>
      </c>
      <c r="G16" s="34">
        <v>0</v>
      </c>
      <c r="I16" s="35">
        <v>24</v>
      </c>
      <c r="J16" s="24">
        <v>25</v>
      </c>
      <c r="K16" s="24">
        <v>26</v>
      </c>
      <c r="L16" s="24">
        <v>27</v>
      </c>
      <c r="M16" s="24">
        <v>28</v>
      </c>
      <c r="N16" s="24">
        <v>29</v>
      </c>
      <c r="O16" s="34">
        <v>30</v>
      </c>
      <c r="Q16" s="35">
        <v>28</v>
      </c>
      <c r="R16" s="24">
        <v>29</v>
      </c>
      <c r="S16" s="24">
        <v>30</v>
      </c>
      <c r="T16" s="24">
        <v>0</v>
      </c>
      <c r="U16" s="24">
        <v>0</v>
      </c>
      <c r="V16" s="24">
        <v>0</v>
      </c>
      <c r="W16" s="34">
        <v>0</v>
      </c>
    </row>
    <row r="17" spans="1:34" s="28" customFormat="1" ht="70.5" customHeight="1" x14ac:dyDescent="0.25">
      <c r="A17" s="31"/>
      <c r="B17" s="30" t="s">
        <v>5</v>
      </c>
      <c r="C17" s="30" t="s">
        <v>3</v>
      </c>
      <c r="D17" s="30"/>
      <c r="E17" s="30"/>
      <c r="F17" s="30"/>
      <c r="G17" s="29"/>
      <c r="I17" s="31"/>
      <c r="J17" s="30" t="s">
        <v>5</v>
      </c>
      <c r="K17" s="30" t="s">
        <v>3</v>
      </c>
      <c r="L17" s="30"/>
      <c r="M17" s="30" t="s">
        <v>4</v>
      </c>
      <c r="N17" s="30" t="s">
        <v>3</v>
      </c>
      <c r="O17" s="29"/>
      <c r="Q17" s="31"/>
      <c r="R17" s="30"/>
      <c r="S17" s="30" t="s">
        <v>3</v>
      </c>
      <c r="T17" s="30"/>
      <c r="U17" s="30"/>
      <c r="V17" s="30"/>
      <c r="W17" s="29"/>
    </row>
    <row r="18" spans="1:34" s="5" customFormat="1" ht="35.1" customHeight="1" x14ac:dyDescent="0.25">
      <c r="A18" s="26">
        <v>0</v>
      </c>
      <c r="B18" s="24"/>
      <c r="C18" s="25" t="s">
        <v>2</v>
      </c>
      <c r="D18" s="24"/>
      <c r="E18" s="24"/>
      <c r="F18" s="24"/>
      <c r="G18" s="23" t="s">
        <v>1</v>
      </c>
      <c r="I18" s="26">
        <v>31</v>
      </c>
      <c r="J18" s="24">
        <v>0</v>
      </c>
      <c r="K18" s="25" t="s">
        <v>2</v>
      </c>
      <c r="L18" s="24"/>
      <c r="M18" s="24"/>
      <c r="N18" s="24"/>
      <c r="O18" s="23" t="s">
        <v>1</v>
      </c>
      <c r="Q18" s="27">
        <v>0</v>
      </c>
      <c r="R18" s="24"/>
      <c r="S18" s="25" t="s">
        <v>2</v>
      </c>
      <c r="T18" s="24"/>
      <c r="U18" s="24"/>
      <c r="V18" s="24"/>
      <c r="W18" s="23" t="s">
        <v>1</v>
      </c>
    </row>
    <row r="19" spans="1:34" s="6" customFormat="1" ht="70.5" customHeight="1" thickBot="1" x14ac:dyDescent="0.3">
      <c r="A19" s="21"/>
      <c r="B19" s="20"/>
      <c r="C19" s="19" t="s">
        <v>0</v>
      </c>
      <c r="D19" s="18"/>
      <c r="E19" s="18"/>
      <c r="F19" s="18"/>
      <c r="G19" s="17"/>
      <c r="I19" s="21"/>
      <c r="J19" s="20"/>
      <c r="K19" s="19" t="s">
        <v>0</v>
      </c>
      <c r="L19" s="18"/>
      <c r="M19" s="18"/>
      <c r="N19" s="18"/>
      <c r="O19" s="17"/>
      <c r="Q19" s="21"/>
      <c r="R19" s="20"/>
      <c r="S19" s="19" t="s">
        <v>0</v>
      </c>
      <c r="T19" s="18"/>
      <c r="U19" s="18"/>
      <c r="V19" s="18"/>
      <c r="W19" s="17"/>
    </row>
    <row r="20" spans="1:34" s="7" customFormat="1" ht="99.95" customHeight="1" thickBot="1" x14ac:dyDescent="0.3">
      <c r="B20" s="54"/>
      <c r="C20" s="54"/>
      <c r="D20" s="54"/>
      <c r="E20" s="54"/>
      <c r="F20" s="54"/>
      <c r="G20" s="53"/>
      <c r="H20" s="54"/>
      <c r="I20" s="54"/>
      <c r="J20" s="54"/>
      <c r="K20" s="54"/>
      <c r="N20" s="54"/>
      <c r="O20" s="53"/>
      <c r="P20" s="54"/>
      <c r="Q20" s="54"/>
      <c r="R20" s="54"/>
      <c r="S20" s="54"/>
      <c r="T20" s="54"/>
      <c r="U20" s="54"/>
      <c r="V20" s="54"/>
      <c r="W20" s="53"/>
      <c r="Z20" s="118"/>
      <c r="AA20" s="118"/>
      <c r="AB20" s="118"/>
      <c r="AC20" s="118"/>
      <c r="AD20" s="118"/>
      <c r="AE20" s="118"/>
      <c r="AF20" s="118"/>
      <c r="AG20" s="118"/>
      <c r="AH20" s="118"/>
    </row>
    <row r="21" spans="1:34" s="49" customFormat="1" ht="39.950000000000003" customHeight="1" thickBot="1" x14ac:dyDescent="0.3">
      <c r="C21" s="112" t="s">
        <v>31</v>
      </c>
      <c r="D21" s="113"/>
      <c r="E21" s="114"/>
      <c r="G21" s="50"/>
      <c r="K21" s="115" t="s">
        <v>30</v>
      </c>
      <c r="L21" s="116"/>
      <c r="M21" s="117"/>
      <c r="O21" s="50"/>
      <c r="S21" s="115" t="s">
        <v>29</v>
      </c>
      <c r="T21" s="116"/>
      <c r="U21" s="117"/>
      <c r="W21" s="50"/>
    </row>
    <row r="22" spans="1:34" s="5" customFormat="1" ht="35.1" customHeight="1" x14ac:dyDescent="0.25">
      <c r="A22" s="48" t="s">
        <v>19</v>
      </c>
      <c r="B22" s="47" t="s">
        <v>18</v>
      </c>
      <c r="C22" s="47" t="s">
        <v>17</v>
      </c>
      <c r="D22" s="47" t="s">
        <v>16</v>
      </c>
      <c r="E22" s="47" t="s">
        <v>15</v>
      </c>
      <c r="F22" s="47" t="s">
        <v>14</v>
      </c>
      <c r="G22" s="46" t="s">
        <v>13</v>
      </c>
      <c r="I22" s="48" t="s">
        <v>19</v>
      </c>
      <c r="J22" s="67" t="s">
        <v>18</v>
      </c>
      <c r="K22" s="47" t="s">
        <v>17</v>
      </c>
      <c r="L22" s="47" t="s">
        <v>16</v>
      </c>
      <c r="M22" s="47" t="s">
        <v>15</v>
      </c>
      <c r="N22" s="47" t="s">
        <v>14</v>
      </c>
      <c r="O22" s="46" t="s">
        <v>13</v>
      </c>
      <c r="Q22" s="48" t="s">
        <v>19</v>
      </c>
      <c r="R22" s="47" t="s">
        <v>18</v>
      </c>
      <c r="S22" s="47" t="s">
        <v>17</v>
      </c>
      <c r="T22" s="47" t="s">
        <v>28</v>
      </c>
      <c r="U22" s="47" t="s">
        <v>15</v>
      </c>
      <c r="V22" s="47" t="s">
        <v>14</v>
      </c>
      <c r="W22" s="46" t="s">
        <v>13</v>
      </c>
    </row>
    <row r="23" spans="1:34" s="5" customFormat="1" ht="35.1" customHeight="1" x14ac:dyDescent="0.25">
      <c r="A23" s="35">
        <v>0</v>
      </c>
      <c r="B23" s="24">
        <v>0</v>
      </c>
      <c r="C23" s="24">
        <v>0</v>
      </c>
      <c r="D23" s="24">
        <v>1</v>
      </c>
      <c r="E23" s="24">
        <v>2</v>
      </c>
      <c r="F23" s="44">
        <v>3</v>
      </c>
      <c r="G23" s="34">
        <v>4</v>
      </c>
      <c r="I23" s="35">
        <v>0</v>
      </c>
      <c r="J23" s="24">
        <v>0</v>
      </c>
      <c r="K23" s="24">
        <v>0</v>
      </c>
      <c r="L23" s="24">
        <v>0</v>
      </c>
      <c r="M23" s="24">
        <v>0</v>
      </c>
      <c r="N23" s="44">
        <v>0</v>
      </c>
      <c r="O23" s="34">
        <v>1</v>
      </c>
      <c r="Q23" s="35">
        <v>0</v>
      </c>
      <c r="R23" s="24">
        <v>0</v>
      </c>
      <c r="S23" s="24">
        <v>1</v>
      </c>
      <c r="T23" s="24">
        <v>2</v>
      </c>
      <c r="U23" s="24">
        <v>3</v>
      </c>
      <c r="V23" s="44">
        <v>4</v>
      </c>
      <c r="W23" s="34">
        <v>5</v>
      </c>
    </row>
    <row r="24" spans="1:34" s="28" customFormat="1" ht="70.5" customHeight="1" x14ac:dyDescent="0.25">
      <c r="A24" s="32"/>
      <c r="B24" s="30"/>
      <c r="C24" s="30"/>
      <c r="D24" s="30"/>
      <c r="E24" s="30" t="s">
        <v>8</v>
      </c>
      <c r="F24" s="30" t="s">
        <v>3</v>
      </c>
      <c r="G24" s="36"/>
      <c r="I24" s="32"/>
      <c r="J24" s="30"/>
      <c r="K24" s="30"/>
      <c r="L24" s="30"/>
      <c r="M24" s="30"/>
      <c r="N24" s="33"/>
      <c r="O24" s="36"/>
      <c r="Q24" s="32"/>
      <c r="R24" s="30"/>
      <c r="S24" s="30" t="s">
        <v>3</v>
      </c>
      <c r="T24" s="30"/>
      <c r="U24" s="30" t="s">
        <v>8</v>
      </c>
      <c r="V24" s="33" t="s">
        <v>3</v>
      </c>
      <c r="W24" s="36"/>
    </row>
    <row r="25" spans="1:34" s="5" customFormat="1" ht="35.1" customHeight="1" x14ac:dyDescent="0.25">
      <c r="A25" s="43">
        <v>5</v>
      </c>
      <c r="B25" s="41">
        <v>6</v>
      </c>
      <c r="C25" s="41">
        <v>7</v>
      </c>
      <c r="D25" s="41">
        <v>8</v>
      </c>
      <c r="E25" s="41">
        <v>9</v>
      </c>
      <c r="F25" s="41">
        <v>10</v>
      </c>
      <c r="G25" s="40">
        <v>11</v>
      </c>
      <c r="I25" s="43">
        <v>2</v>
      </c>
      <c r="J25" s="41">
        <v>3</v>
      </c>
      <c r="K25" s="41">
        <v>4</v>
      </c>
      <c r="L25" s="41">
        <v>5</v>
      </c>
      <c r="M25" s="41">
        <v>6</v>
      </c>
      <c r="N25" s="41">
        <v>7</v>
      </c>
      <c r="O25" s="40">
        <v>8</v>
      </c>
      <c r="Q25" s="43">
        <v>6</v>
      </c>
      <c r="R25" s="41">
        <v>7</v>
      </c>
      <c r="S25" s="41">
        <v>8</v>
      </c>
      <c r="T25" s="56">
        <v>9</v>
      </c>
      <c r="U25" s="41">
        <v>10</v>
      </c>
      <c r="V25" s="41">
        <v>11</v>
      </c>
      <c r="W25" s="40">
        <v>12</v>
      </c>
    </row>
    <row r="26" spans="1:34" s="28" customFormat="1" ht="70.5" customHeight="1" x14ac:dyDescent="0.25">
      <c r="A26" s="31"/>
      <c r="B26" s="37" t="s">
        <v>9</v>
      </c>
      <c r="C26" s="37" t="s">
        <v>3</v>
      </c>
      <c r="D26" s="37"/>
      <c r="E26" s="37" t="s">
        <v>4</v>
      </c>
      <c r="F26" s="33" t="s">
        <v>3</v>
      </c>
      <c r="G26" s="36"/>
      <c r="I26" s="31"/>
      <c r="J26" s="37" t="s">
        <v>9</v>
      </c>
      <c r="K26" s="33" t="s">
        <v>3</v>
      </c>
      <c r="L26" s="37"/>
      <c r="M26" s="37" t="s">
        <v>8</v>
      </c>
      <c r="N26" s="33" t="s">
        <v>3</v>
      </c>
      <c r="O26" s="36"/>
      <c r="Q26" s="31"/>
      <c r="R26" s="37" t="s">
        <v>9</v>
      </c>
      <c r="S26" s="37" t="s">
        <v>3</v>
      </c>
      <c r="T26" s="37"/>
      <c r="U26" s="37" t="s">
        <v>4</v>
      </c>
      <c r="V26" s="33" t="s">
        <v>3</v>
      </c>
      <c r="W26" s="36"/>
    </row>
    <row r="27" spans="1:34" s="5" customFormat="1" ht="35.1" customHeight="1" x14ac:dyDescent="0.25">
      <c r="A27" s="43">
        <v>12</v>
      </c>
      <c r="B27" s="41">
        <v>13</v>
      </c>
      <c r="C27" s="41">
        <v>14</v>
      </c>
      <c r="D27" s="41">
        <v>15</v>
      </c>
      <c r="E27" s="41">
        <v>16</v>
      </c>
      <c r="F27" s="41">
        <v>17</v>
      </c>
      <c r="G27" s="40">
        <v>18</v>
      </c>
      <c r="I27" s="43">
        <v>9</v>
      </c>
      <c r="J27" s="41">
        <v>10</v>
      </c>
      <c r="K27" s="42">
        <v>11</v>
      </c>
      <c r="L27" s="41">
        <v>12</v>
      </c>
      <c r="M27" s="41">
        <v>13</v>
      </c>
      <c r="N27" s="41">
        <v>14</v>
      </c>
      <c r="O27" s="40">
        <v>15</v>
      </c>
      <c r="Q27" s="43">
        <v>13</v>
      </c>
      <c r="R27" s="41">
        <v>14</v>
      </c>
      <c r="S27" s="41">
        <v>15</v>
      </c>
      <c r="T27" s="41">
        <v>16</v>
      </c>
      <c r="U27" s="41">
        <v>17</v>
      </c>
      <c r="V27" s="41">
        <v>18</v>
      </c>
      <c r="W27" s="40">
        <v>19</v>
      </c>
    </row>
    <row r="28" spans="1:34" s="28" customFormat="1" ht="70.5" customHeight="1" x14ac:dyDescent="0.25">
      <c r="A28" s="31"/>
      <c r="B28" s="37" t="s">
        <v>11</v>
      </c>
      <c r="C28" s="33" t="s">
        <v>3</v>
      </c>
      <c r="D28" s="37"/>
      <c r="E28" s="37" t="s">
        <v>8</v>
      </c>
      <c r="F28" s="33" t="s">
        <v>3</v>
      </c>
      <c r="G28" s="36"/>
      <c r="I28" s="31"/>
      <c r="J28" s="37" t="s">
        <v>11</v>
      </c>
      <c r="K28" s="39" t="s">
        <v>7</v>
      </c>
      <c r="L28" s="37"/>
      <c r="M28" s="37" t="s">
        <v>4</v>
      </c>
      <c r="N28" s="33" t="s">
        <v>3</v>
      </c>
      <c r="O28" s="36"/>
      <c r="Q28" s="31"/>
      <c r="R28" s="37" t="s">
        <v>11</v>
      </c>
      <c r="S28" s="33" t="s">
        <v>3</v>
      </c>
      <c r="T28" s="37"/>
      <c r="U28" s="37" t="s">
        <v>8</v>
      </c>
      <c r="V28" s="33" t="s">
        <v>3</v>
      </c>
      <c r="W28" s="36"/>
    </row>
    <row r="29" spans="1:34" s="5" customFormat="1" ht="35.1" customHeight="1" x14ac:dyDescent="0.25">
      <c r="A29" s="43">
        <v>19</v>
      </c>
      <c r="B29" s="42">
        <v>20</v>
      </c>
      <c r="C29" s="41">
        <v>21</v>
      </c>
      <c r="D29" s="41">
        <v>22</v>
      </c>
      <c r="E29" s="41">
        <v>23</v>
      </c>
      <c r="F29" s="41">
        <v>24</v>
      </c>
      <c r="G29" s="40">
        <v>25</v>
      </c>
      <c r="I29" s="43">
        <v>16</v>
      </c>
      <c r="J29" s="41">
        <v>17</v>
      </c>
      <c r="K29" s="41">
        <v>18</v>
      </c>
      <c r="L29" s="41">
        <v>19</v>
      </c>
      <c r="M29" s="41">
        <v>20</v>
      </c>
      <c r="N29" s="41">
        <v>21</v>
      </c>
      <c r="O29" s="40">
        <v>22</v>
      </c>
      <c r="Q29" s="43">
        <v>20</v>
      </c>
      <c r="R29" s="42">
        <v>21</v>
      </c>
      <c r="S29" s="42">
        <v>22</v>
      </c>
      <c r="T29" s="42">
        <v>23</v>
      </c>
      <c r="U29" s="41">
        <v>24</v>
      </c>
      <c r="V29" s="41">
        <v>25</v>
      </c>
      <c r="W29" s="40">
        <v>26</v>
      </c>
    </row>
    <row r="30" spans="1:34" s="28" customFormat="1" ht="70.5" customHeight="1" x14ac:dyDescent="0.25">
      <c r="A30" s="31"/>
      <c r="B30" s="38" t="s">
        <v>27</v>
      </c>
      <c r="C30" s="33" t="s">
        <v>3</v>
      </c>
      <c r="D30" s="37"/>
      <c r="E30" s="37" t="s">
        <v>4</v>
      </c>
      <c r="F30" s="33" t="s">
        <v>3</v>
      </c>
      <c r="G30" s="36"/>
      <c r="I30" s="31"/>
      <c r="J30" s="37" t="s">
        <v>9</v>
      </c>
      <c r="K30" s="33" t="s">
        <v>3</v>
      </c>
      <c r="L30" s="37"/>
      <c r="M30" s="37" t="s">
        <v>8</v>
      </c>
      <c r="N30" s="33" t="s">
        <v>3</v>
      </c>
      <c r="O30" s="36"/>
      <c r="Q30" s="31"/>
      <c r="R30" s="38" t="s">
        <v>27</v>
      </c>
      <c r="S30" s="39" t="s">
        <v>7</v>
      </c>
      <c r="T30" s="37"/>
      <c r="U30" s="37" t="s">
        <v>4</v>
      </c>
      <c r="V30" s="33" t="s">
        <v>3</v>
      </c>
      <c r="W30" s="36"/>
    </row>
    <row r="31" spans="1:34" s="5" customFormat="1" ht="35.1" customHeight="1" x14ac:dyDescent="0.25">
      <c r="A31" s="35">
        <v>26</v>
      </c>
      <c r="B31" s="24">
        <v>27</v>
      </c>
      <c r="C31" s="24">
        <v>28</v>
      </c>
      <c r="D31" s="24">
        <v>29</v>
      </c>
      <c r="E31" s="24">
        <v>30</v>
      </c>
      <c r="F31" s="24">
        <v>31</v>
      </c>
      <c r="G31" s="34">
        <v>0</v>
      </c>
      <c r="I31" s="35">
        <v>23</v>
      </c>
      <c r="J31" s="24">
        <v>24</v>
      </c>
      <c r="K31" s="24">
        <v>25</v>
      </c>
      <c r="L31" s="24">
        <v>26</v>
      </c>
      <c r="M31" s="24">
        <v>27</v>
      </c>
      <c r="N31" s="24">
        <v>28</v>
      </c>
      <c r="O31" s="23">
        <v>29</v>
      </c>
      <c r="Q31" s="35">
        <v>27</v>
      </c>
      <c r="R31" s="24">
        <v>28</v>
      </c>
      <c r="S31" s="24">
        <v>29</v>
      </c>
      <c r="T31" s="24">
        <v>30</v>
      </c>
      <c r="U31" s="24">
        <v>0</v>
      </c>
      <c r="V31" s="24">
        <v>0</v>
      </c>
      <c r="W31" s="34">
        <v>0</v>
      </c>
    </row>
    <row r="32" spans="1:34" s="28" customFormat="1" ht="70.5" customHeight="1" x14ac:dyDescent="0.25">
      <c r="A32" s="31"/>
      <c r="B32" s="30" t="s">
        <v>5</v>
      </c>
      <c r="C32" s="30" t="s">
        <v>3</v>
      </c>
      <c r="D32" s="30"/>
      <c r="E32" s="30"/>
      <c r="F32" s="30" t="s">
        <v>3</v>
      </c>
      <c r="G32" s="29"/>
      <c r="I32" s="31"/>
      <c r="J32" s="30" t="s">
        <v>5</v>
      </c>
      <c r="K32" s="30" t="s">
        <v>3</v>
      </c>
      <c r="L32" s="30"/>
      <c r="M32" s="30" t="s">
        <v>4</v>
      </c>
      <c r="N32" s="30" t="s">
        <v>3</v>
      </c>
      <c r="O32" s="29"/>
      <c r="Q32" s="31"/>
      <c r="R32" s="37" t="s">
        <v>5</v>
      </c>
      <c r="S32" s="30" t="s">
        <v>3</v>
      </c>
      <c r="T32" s="30"/>
      <c r="U32" s="30"/>
      <c r="V32" s="30"/>
      <c r="W32" s="29"/>
    </row>
    <row r="33" spans="1:23" s="5" customFormat="1" ht="35.1" customHeight="1" x14ac:dyDescent="0.25">
      <c r="A33" s="26">
        <v>0</v>
      </c>
      <c r="B33" s="24">
        <v>0</v>
      </c>
      <c r="C33" s="25" t="s">
        <v>2</v>
      </c>
      <c r="D33" s="24"/>
      <c r="E33" s="24"/>
      <c r="F33" s="24"/>
      <c r="G33" s="23" t="s">
        <v>1</v>
      </c>
      <c r="I33" s="26">
        <v>30</v>
      </c>
      <c r="J33" s="24">
        <v>31</v>
      </c>
      <c r="K33" s="25" t="s">
        <v>2</v>
      </c>
      <c r="L33" s="24"/>
      <c r="M33" s="24"/>
      <c r="N33" s="24"/>
      <c r="O33" s="23" t="s">
        <v>1</v>
      </c>
      <c r="Q33" s="26">
        <v>0</v>
      </c>
      <c r="R33" s="24"/>
      <c r="S33" s="25" t="s">
        <v>2</v>
      </c>
      <c r="T33" s="24"/>
      <c r="U33" s="24"/>
      <c r="V33" s="24"/>
      <c r="W33" s="23" t="s">
        <v>1</v>
      </c>
    </row>
    <row r="34" spans="1:23" s="6" customFormat="1" ht="70.5" customHeight="1" thickBot="1" x14ac:dyDescent="0.3">
      <c r="A34" s="21"/>
      <c r="B34" s="20"/>
      <c r="C34" s="19" t="s">
        <v>0</v>
      </c>
      <c r="D34" s="18"/>
      <c r="E34" s="18"/>
      <c r="F34" s="18"/>
      <c r="G34" s="17"/>
      <c r="I34" s="21"/>
      <c r="J34" s="20"/>
      <c r="K34" s="19" t="s">
        <v>0</v>
      </c>
      <c r="L34" s="18"/>
      <c r="M34" s="18"/>
      <c r="N34" s="18"/>
      <c r="O34" s="17"/>
      <c r="Q34" s="21"/>
      <c r="R34" s="20"/>
      <c r="S34" s="19" t="s">
        <v>0</v>
      </c>
      <c r="T34" s="18"/>
      <c r="U34" s="18"/>
      <c r="V34" s="18"/>
      <c r="W34" s="17"/>
    </row>
    <row r="35" spans="1:23" s="7" customFormat="1" ht="99.95" customHeight="1" thickBot="1" x14ac:dyDescent="0.65">
      <c r="A35" s="16"/>
      <c r="B35" s="66"/>
      <c r="C35" s="15"/>
      <c r="D35" s="65"/>
      <c r="G35" s="64"/>
      <c r="J35" s="63"/>
      <c r="K35" s="9"/>
      <c r="L35" s="62"/>
      <c r="M35" s="61"/>
      <c r="N35" s="11"/>
      <c r="O35" s="146" t="s">
        <v>62</v>
      </c>
      <c r="P35" s="146"/>
      <c r="Q35" s="146"/>
      <c r="R35" s="146"/>
      <c r="S35" s="146"/>
      <c r="T35" s="146"/>
      <c r="U35" s="146"/>
      <c r="V35" s="146"/>
      <c r="W35" s="10">
        <v>41</v>
      </c>
    </row>
    <row r="36" spans="1:23" s="49" customFormat="1" ht="39.950000000000003" customHeight="1" thickBot="1" x14ac:dyDescent="0.3">
      <c r="B36" s="60"/>
      <c r="C36" s="119" t="s">
        <v>26</v>
      </c>
      <c r="D36" s="120"/>
      <c r="E36" s="121"/>
      <c r="F36" s="60"/>
      <c r="G36" s="59"/>
      <c r="K36" s="119" t="s">
        <v>25</v>
      </c>
      <c r="L36" s="120"/>
      <c r="M36" s="121"/>
      <c r="N36" s="60"/>
      <c r="O36" s="59"/>
      <c r="S36" s="115" t="s">
        <v>24</v>
      </c>
      <c r="T36" s="116"/>
      <c r="U36" s="117"/>
      <c r="V36" s="60"/>
      <c r="W36" s="59"/>
    </row>
    <row r="37" spans="1:23" s="5" customFormat="1" ht="35.1" customHeight="1" x14ac:dyDescent="0.25">
      <c r="A37" s="48" t="s">
        <v>19</v>
      </c>
      <c r="B37" s="58" t="s">
        <v>18</v>
      </c>
      <c r="C37" s="58" t="s">
        <v>17</v>
      </c>
      <c r="D37" s="58" t="s">
        <v>16</v>
      </c>
      <c r="E37" s="58" t="s">
        <v>15</v>
      </c>
      <c r="F37" s="58" t="s">
        <v>14</v>
      </c>
      <c r="G37" s="46" t="s">
        <v>13</v>
      </c>
      <c r="I37" s="48" t="s">
        <v>19</v>
      </c>
      <c r="J37" s="47" t="s">
        <v>18</v>
      </c>
      <c r="K37" s="58" t="s">
        <v>17</v>
      </c>
      <c r="L37" s="58" t="s">
        <v>16</v>
      </c>
      <c r="M37" s="58" t="s">
        <v>15</v>
      </c>
      <c r="N37" s="58" t="s">
        <v>14</v>
      </c>
      <c r="O37" s="46" t="s">
        <v>13</v>
      </c>
      <c r="Q37" s="48" t="s">
        <v>19</v>
      </c>
      <c r="R37" s="47" t="s">
        <v>18</v>
      </c>
      <c r="S37" s="47" t="s">
        <v>17</v>
      </c>
      <c r="T37" s="58" t="s">
        <v>16</v>
      </c>
      <c r="U37" s="58" t="s">
        <v>15</v>
      </c>
      <c r="V37" s="58" t="s">
        <v>14</v>
      </c>
      <c r="W37" s="46" t="s">
        <v>13</v>
      </c>
    </row>
    <row r="38" spans="1:23" s="5" customFormat="1" ht="34.5" customHeight="1" x14ac:dyDescent="0.25">
      <c r="A38" s="35">
        <v>0</v>
      </c>
      <c r="B38" s="24">
        <v>0</v>
      </c>
      <c r="C38" s="24">
        <v>0</v>
      </c>
      <c r="D38" s="24">
        <v>0</v>
      </c>
      <c r="E38" s="24">
        <v>1</v>
      </c>
      <c r="F38" s="24">
        <v>2</v>
      </c>
      <c r="G38" s="40">
        <v>3</v>
      </c>
      <c r="I38" s="35">
        <v>1</v>
      </c>
      <c r="J38" s="24">
        <v>2</v>
      </c>
      <c r="K38" s="57">
        <v>3</v>
      </c>
      <c r="L38" s="24">
        <v>4</v>
      </c>
      <c r="M38" s="24">
        <v>5</v>
      </c>
      <c r="N38" s="24">
        <v>6</v>
      </c>
      <c r="O38" s="40">
        <v>7</v>
      </c>
      <c r="Q38" s="35">
        <v>0</v>
      </c>
      <c r="R38" s="24">
        <v>0</v>
      </c>
      <c r="S38" s="24">
        <v>1</v>
      </c>
      <c r="T38" s="24">
        <v>2</v>
      </c>
      <c r="U38" s="24">
        <v>3</v>
      </c>
      <c r="V38" s="44">
        <v>4</v>
      </c>
      <c r="W38" s="34">
        <v>5</v>
      </c>
    </row>
    <row r="39" spans="1:23" s="28" customFormat="1" ht="70.5" customHeight="1" x14ac:dyDescent="0.25">
      <c r="A39" s="32"/>
      <c r="B39" s="30"/>
      <c r="C39" s="30"/>
      <c r="D39" s="30"/>
      <c r="E39" s="30" t="s">
        <v>8</v>
      </c>
      <c r="F39" s="33" t="s">
        <v>3</v>
      </c>
      <c r="G39" s="36"/>
      <c r="I39" s="32"/>
      <c r="J39" s="30" t="s">
        <v>9</v>
      </c>
      <c r="K39" s="55" t="s">
        <v>7</v>
      </c>
      <c r="L39" s="30"/>
      <c r="M39" s="30" t="s">
        <v>8</v>
      </c>
      <c r="N39" s="33" t="s">
        <v>3</v>
      </c>
      <c r="O39" s="36"/>
      <c r="Q39" s="32"/>
      <c r="R39" s="30"/>
      <c r="S39" s="30" t="s">
        <v>3</v>
      </c>
      <c r="T39" s="30"/>
      <c r="U39" s="30" t="s">
        <v>8</v>
      </c>
      <c r="V39" s="33" t="s">
        <v>3</v>
      </c>
      <c r="W39" s="36"/>
    </row>
    <row r="40" spans="1:23" s="5" customFormat="1" ht="35.1" customHeight="1" x14ac:dyDescent="0.25">
      <c r="A40" s="43">
        <v>4</v>
      </c>
      <c r="B40" s="41">
        <v>5</v>
      </c>
      <c r="C40" s="41">
        <v>6</v>
      </c>
      <c r="D40" s="41">
        <v>7</v>
      </c>
      <c r="E40" s="44">
        <v>8</v>
      </c>
      <c r="F40" s="56">
        <v>9</v>
      </c>
      <c r="G40" s="40">
        <v>10</v>
      </c>
      <c r="I40" s="43">
        <v>8</v>
      </c>
      <c r="J40" s="41">
        <v>9</v>
      </c>
      <c r="K40" s="41">
        <v>10</v>
      </c>
      <c r="L40" s="41">
        <v>11</v>
      </c>
      <c r="M40" s="41">
        <v>12</v>
      </c>
      <c r="N40" s="41">
        <v>13</v>
      </c>
      <c r="O40" s="40">
        <v>14</v>
      </c>
      <c r="Q40" s="43">
        <v>6</v>
      </c>
      <c r="R40" s="41">
        <v>7</v>
      </c>
      <c r="S40" s="41">
        <v>8</v>
      </c>
      <c r="T40" s="56">
        <v>9</v>
      </c>
      <c r="U40" s="41">
        <v>10</v>
      </c>
      <c r="V40" s="41">
        <v>11</v>
      </c>
      <c r="W40" s="40">
        <v>12</v>
      </c>
    </row>
    <row r="41" spans="1:23" s="28" customFormat="1" ht="70.5" customHeight="1" x14ac:dyDescent="0.25">
      <c r="A41" s="31"/>
      <c r="B41" s="37" t="s">
        <v>9</v>
      </c>
      <c r="C41" s="37" t="s">
        <v>3</v>
      </c>
      <c r="D41" s="37"/>
      <c r="E41" s="37" t="s">
        <v>4</v>
      </c>
      <c r="F41" s="33" t="s">
        <v>3</v>
      </c>
      <c r="G41" s="36"/>
      <c r="I41" s="31"/>
      <c r="J41" s="37" t="s">
        <v>11</v>
      </c>
      <c r="K41" s="33" t="s">
        <v>3</v>
      </c>
      <c r="L41" s="37"/>
      <c r="M41" s="37" t="s">
        <v>4</v>
      </c>
      <c r="N41" s="33" t="s">
        <v>3</v>
      </c>
      <c r="O41" s="36"/>
      <c r="Q41" s="31"/>
      <c r="R41" s="37" t="s">
        <v>9</v>
      </c>
      <c r="S41" s="37" t="s">
        <v>3</v>
      </c>
      <c r="T41" s="37"/>
      <c r="U41" s="37" t="s">
        <v>4</v>
      </c>
      <c r="V41" s="33" t="s">
        <v>3</v>
      </c>
      <c r="W41" s="36"/>
    </row>
    <row r="42" spans="1:23" s="5" customFormat="1" ht="35.1" customHeight="1" x14ac:dyDescent="0.25">
      <c r="A42" s="43">
        <v>11</v>
      </c>
      <c r="B42" s="42">
        <v>12</v>
      </c>
      <c r="C42" s="41">
        <v>13</v>
      </c>
      <c r="D42" s="41">
        <v>14</v>
      </c>
      <c r="E42" s="44">
        <v>15</v>
      </c>
      <c r="F42" s="41">
        <v>16</v>
      </c>
      <c r="G42" s="40">
        <v>17</v>
      </c>
      <c r="I42" s="43">
        <v>15</v>
      </c>
      <c r="J42" s="41">
        <v>16</v>
      </c>
      <c r="K42" s="56">
        <v>17</v>
      </c>
      <c r="L42" s="41">
        <v>18</v>
      </c>
      <c r="M42" s="41">
        <v>19</v>
      </c>
      <c r="N42" s="41">
        <v>20</v>
      </c>
      <c r="O42" s="40">
        <v>21</v>
      </c>
      <c r="Q42" s="43">
        <v>13</v>
      </c>
      <c r="R42" s="41">
        <v>14</v>
      </c>
      <c r="S42" s="41">
        <v>15</v>
      </c>
      <c r="T42" s="41">
        <v>16</v>
      </c>
      <c r="U42" s="41">
        <v>17</v>
      </c>
      <c r="V42" s="41">
        <v>18</v>
      </c>
      <c r="W42" s="40">
        <v>19</v>
      </c>
    </row>
    <row r="43" spans="1:23" s="28" customFormat="1" ht="70.5" customHeight="1" x14ac:dyDescent="0.25">
      <c r="A43" s="31"/>
      <c r="B43" s="38" t="s">
        <v>10</v>
      </c>
      <c r="C43" s="33" t="s">
        <v>3</v>
      </c>
      <c r="D43" s="37"/>
      <c r="E43" s="37" t="s">
        <v>8</v>
      </c>
      <c r="F43" s="33" t="s">
        <v>3</v>
      </c>
      <c r="G43" s="36"/>
      <c r="I43" s="31"/>
      <c r="J43" s="37" t="s">
        <v>9</v>
      </c>
      <c r="K43" s="33" t="s">
        <v>3</v>
      </c>
      <c r="L43" s="37"/>
      <c r="M43" s="37" t="s">
        <v>8</v>
      </c>
      <c r="N43" s="33" t="s">
        <v>3</v>
      </c>
      <c r="O43" s="36"/>
      <c r="Q43" s="31"/>
      <c r="R43" s="37" t="s">
        <v>11</v>
      </c>
      <c r="S43" s="33" t="s">
        <v>3</v>
      </c>
      <c r="T43" s="37"/>
      <c r="U43" s="37" t="s">
        <v>8</v>
      </c>
      <c r="V43" s="33" t="s">
        <v>3</v>
      </c>
      <c r="W43" s="36"/>
    </row>
    <row r="44" spans="1:23" s="5" customFormat="1" ht="35.1" customHeight="1" x14ac:dyDescent="0.25">
      <c r="A44" s="43">
        <v>18</v>
      </c>
      <c r="B44" s="41">
        <v>19</v>
      </c>
      <c r="C44" s="41">
        <v>20</v>
      </c>
      <c r="D44" s="41">
        <v>21</v>
      </c>
      <c r="E44" s="44">
        <v>22</v>
      </c>
      <c r="F44" s="41">
        <v>23</v>
      </c>
      <c r="G44" s="40">
        <v>24</v>
      </c>
      <c r="I44" s="43">
        <v>22</v>
      </c>
      <c r="J44" s="42">
        <v>23</v>
      </c>
      <c r="K44" s="41">
        <v>24</v>
      </c>
      <c r="L44" s="41">
        <v>25</v>
      </c>
      <c r="M44" s="41">
        <v>26</v>
      </c>
      <c r="N44" s="41">
        <v>27</v>
      </c>
      <c r="O44" s="40">
        <v>28</v>
      </c>
      <c r="Q44" s="43">
        <v>20</v>
      </c>
      <c r="R44" s="41">
        <v>21</v>
      </c>
      <c r="S44" s="41">
        <v>22</v>
      </c>
      <c r="T44" s="41">
        <v>23</v>
      </c>
      <c r="U44" s="41">
        <v>24</v>
      </c>
      <c r="V44" s="41">
        <v>25</v>
      </c>
      <c r="W44" s="40">
        <v>26</v>
      </c>
    </row>
    <row r="45" spans="1:23" s="28" customFormat="1" ht="70.5" customHeight="1" x14ac:dyDescent="0.25">
      <c r="A45" s="31"/>
      <c r="B45" s="37" t="s">
        <v>9</v>
      </c>
      <c r="C45" s="33" t="s">
        <v>3</v>
      </c>
      <c r="D45" s="37"/>
      <c r="E45" s="37" t="s">
        <v>4</v>
      </c>
      <c r="F45" s="33" t="s">
        <v>3</v>
      </c>
      <c r="G45" s="36"/>
      <c r="I45" s="31"/>
      <c r="J45" s="38" t="s">
        <v>6</v>
      </c>
      <c r="K45" s="37" t="s">
        <v>3</v>
      </c>
      <c r="L45" s="37"/>
      <c r="M45" s="37" t="s">
        <v>4</v>
      </c>
      <c r="N45" s="33" t="s">
        <v>3</v>
      </c>
      <c r="O45" s="36"/>
      <c r="Q45" s="31"/>
      <c r="R45" s="37" t="s">
        <v>9</v>
      </c>
      <c r="S45" s="33" t="s">
        <v>3</v>
      </c>
      <c r="T45" s="37"/>
      <c r="U45" s="37" t="s">
        <v>4</v>
      </c>
      <c r="V45" s="30" t="s">
        <v>3</v>
      </c>
      <c r="W45" s="36"/>
    </row>
    <row r="46" spans="1:23" s="5" customFormat="1" ht="35.1" customHeight="1" x14ac:dyDescent="0.25">
      <c r="A46" s="35">
        <v>25</v>
      </c>
      <c r="B46" s="24">
        <v>26</v>
      </c>
      <c r="C46" s="24">
        <v>27</v>
      </c>
      <c r="D46" s="24">
        <v>28</v>
      </c>
      <c r="E46" s="24">
        <v>29</v>
      </c>
      <c r="F46" s="24">
        <v>30</v>
      </c>
      <c r="G46" s="34">
        <v>31</v>
      </c>
      <c r="I46" s="35">
        <v>29</v>
      </c>
      <c r="J46" s="24">
        <v>30</v>
      </c>
      <c r="K46" s="24">
        <v>0</v>
      </c>
      <c r="L46" s="24">
        <v>0</v>
      </c>
      <c r="M46" s="24">
        <v>0</v>
      </c>
      <c r="N46" s="24">
        <v>0</v>
      </c>
      <c r="O46" s="34">
        <v>0</v>
      </c>
      <c r="Q46" s="35">
        <v>27</v>
      </c>
      <c r="R46" s="24">
        <v>28</v>
      </c>
      <c r="S46" s="24">
        <v>29</v>
      </c>
      <c r="T46" s="24">
        <v>30</v>
      </c>
      <c r="U46" s="24">
        <v>31</v>
      </c>
      <c r="V46" s="24">
        <v>0</v>
      </c>
      <c r="W46" s="34">
        <v>0</v>
      </c>
    </row>
    <row r="47" spans="1:23" s="28" customFormat="1" ht="70.5" customHeight="1" x14ac:dyDescent="0.25">
      <c r="A47" s="31"/>
      <c r="B47" s="30" t="s">
        <v>5</v>
      </c>
      <c r="C47" s="30" t="s">
        <v>3</v>
      </c>
      <c r="D47" s="30"/>
      <c r="E47" s="30"/>
      <c r="F47" s="30" t="s">
        <v>3</v>
      </c>
      <c r="G47" s="29"/>
      <c r="I47" s="31"/>
      <c r="J47" s="37"/>
      <c r="K47" s="30"/>
      <c r="L47" s="30"/>
      <c r="M47" s="30"/>
      <c r="N47" s="30"/>
      <c r="O47" s="29"/>
      <c r="Q47" s="31"/>
      <c r="R47" s="30" t="s">
        <v>5</v>
      </c>
      <c r="S47" s="55" t="s">
        <v>7</v>
      </c>
      <c r="T47" s="30"/>
      <c r="U47" s="30"/>
      <c r="V47" s="30"/>
      <c r="W47" s="29"/>
    </row>
    <row r="48" spans="1:23" s="5" customFormat="1" ht="35.1" customHeight="1" x14ac:dyDescent="0.25">
      <c r="A48" s="26">
        <v>0</v>
      </c>
      <c r="B48" s="24">
        <v>0</v>
      </c>
      <c r="C48" s="25" t="s">
        <v>2</v>
      </c>
      <c r="D48" s="24"/>
      <c r="E48" s="24"/>
      <c r="F48" s="24"/>
      <c r="G48" s="23" t="s">
        <v>1</v>
      </c>
      <c r="I48" s="26">
        <v>0</v>
      </c>
      <c r="J48" s="24"/>
      <c r="K48" s="25" t="s">
        <v>2</v>
      </c>
      <c r="L48" s="24"/>
      <c r="M48" s="24"/>
      <c r="N48" s="24"/>
      <c r="O48" s="23" t="s">
        <v>1</v>
      </c>
      <c r="Q48" s="26">
        <v>0</v>
      </c>
      <c r="R48" s="24">
        <v>0</v>
      </c>
      <c r="S48" s="25" t="s">
        <v>2</v>
      </c>
      <c r="T48" s="24"/>
      <c r="U48" s="24"/>
      <c r="V48" s="24"/>
      <c r="W48" s="23" t="s">
        <v>1</v>
      </c>
    </row>
    <row r="49" spans="1:23" s="6" customFormat="1" ht="70.5" customHeight="1" thickBot="1" x14ac:dyDescent="0.3">
      <c r="A49" s="21"/>
      <c r="B49" s="20"/>
      <c r="C49" s="19" t="s">
        <v>0</v>
      </c>
      <c r="D49" s="18"/>
      <c r="E49" s="18"/>
      <c r="F49" s="18"/>
      <c r="G49" s="17"/>
      <c r="I49" s="21"/>
      <c r="J49" s="20"/>
      <c r="K49" s="19" t="s">
        <v>0</v>
      </c>
      <c r="L49" s="18"/>
      <c r="M49" s="18"/>
      <c r="N49" s="18"/>
      <c r="O49" s="17"/>
      <c r="Q49" s="21"/>
      <c r="R49" s="20"/>
      <c r="S49" s="19" t="s">
        <v>0</v>
      </c>
      <c r="T49" s="18"/>
      <c r="U49" s="18"/>
      <c r="V49" s="18"/>
      <c r="W49" s="17"/>
    </row>
    <row r="50" spans="1:23" s="7" customFormat="1" ht="99.95" customHeight="1" thickBot="1" x14ac:dyDescent="0.3">
      <c r="B50" s="54"/>
      <c r="C50" s="54"/>
      <c r="D50" s="54"/>
      <c r="E50" s="54"/>
      <c r="F50" s="54"/>
      <c r="G50" s="53"/>
      <c r="H50" s="54"/>
      <c r="I50" s="54"/>
      <c r="J50" s="54"/>
      <c r="K50" s="54"/>
      <c r="N50" s="54"/>
      <c r="O50" s="53"/>
      <c r="P50" s="54"/>
      <c r="Q50" s="54"/>
      <c r="R50" s="54"/>
      <c r="S50" s="54"/>
      <c r="T50" s="54"/>
      <c r="U50" s="54"/>
      <c r="V50" s="54"/>
      <c r="W50" s="53"/>
    </row>
    <row r="51" spans="1:23" s="49" customFormat="1" ht="39.950000000000003" customHeight="1" thickBot="1" x14ac:dyDescent="0.3">
      <c r="A51" s="52" t="s">
        <v>23</v>
      </c>
      <c r="B51" s="51"/>
      <c r="C51" s="112" t="s">
        <v>22</v>
      </c>
      <c r="D51" s="113"/>
      <c r="E51" s="114"/>
      <c r="G51" s="50"/>
      <c r="K51" s="112" t="s">
        <v>21</v>
      </c>
      <c r="L51" s="113"/>
      <c r="M51" s="114"/>
      <c r="O51" s="50"/>
      <c r="S51" s="115" t="s">
        <v>20</v>
      </c>
      <c r="T51" s="116"/>
      <c r="U51" s="117"/>
      <c r="W51" s="50"/>
    </row>
    <row r="52" spans="1:23" s="5" customFormat="1" ht="35.1" customHeight="1" x14ac:dyDescent="0.25">
      <c r="A52" s="48" t="s">
        <v>19</v>
      </c>
      <c r="B52" s="47" t="s">
        <v>18</v>
      </c>
      <c r="C52" s="47" t="s">
        <v>17</v>
      </c>
      <c r="D52" s="47" t="s">
        <v>16</v>
      </c>
      <c r="E52" s="47" t="s">
        <v>15</v>
      </c>
      <c r="F52" s="47" t="s">
        <v>14</v>
      </c>
      <c r="G52" s="46" t="s">
        <v>13</v>
      </c>
      <c r="I52" s="48" t="s">
        <v>19</v>
      </c>
      <c r="J52" s="47" t="s">
        <v>18</v>
      </c>
      <c r="K52" s="47" t="s">
        <v>17</v>
      </c>
      <c r="L52" s="47" t="s">
        <v>16</v>
      </c>
      <c r="M52" s="47" t="s">
        <v>15</v>
      </c>
      <c r="N52" s="47" t="s">
        <v>14</v>
      </c>
      <c r="O52" s="46" t="s">
        <v>13</v>
      </c>
      <c r="Q52" s="48" t="s">
        <v>19</v>
      </c>
      <c r="R52" s="47" t="s">
        <v>18</v>
      </c>
      <c r="S52" s="47" t="s">
        <v>17</v>
      </c>
      <c r="T52" s="47" t="s">
        <v>16</v>
      </c>
      <c r="U52" s="47" t="s">
        <v>15</v>
      </c>
      <c r="V52" s="47" t="s">
        <v>14</v>
      </c>
      <c r="W52" s="46" t="s">
        <v>13</v>
      </c>
    </row>
    <row r="53" spans="1:23" s="5" customFormat="1" ht="35.1" customHeight="1" x14ac:dyDescent="0.25">
      <c r="A53" s="35">
        <v>0</v>
      </c>
      <c r="B53" s="24">
        <v>0</v>
      </c>
      <c r="C53" s="24">
        <v>0</v>
      </c>
      <c r="D53" s="24">
        <v>0</v>
      </c>
      <c r="E53" s="24">
        <v>0</v>
      </c>
      <c r="F53" s="45">
        <v>1</v>
      </c>
      <c r="G53" s="34">
        <v>2</v>
      </c>
      <c r="I53" s="35">
        <v>0</v>
      </c>
      <c r="J53" s="24">
        <v>1</v>
      </c>
      <c r="K53" s="24">
        <v>2</v>
      </c>
      <c r="L53" s="24">
        <v>3</v>
      </c>
      <c r="M53" s="24">
        <v>4</v>
      </c>
      <c r="N53" s="24">
        <v>5</v>
      </c>
      <c r="O53" s="40">
        <v>6</v>
      </c>
      <c r="Q53" s="35">
        <v>0</v>
      </c>
      <c r="R53" s="24">
        <v>1</v>
      </c>
      <c r="S53" s="24">
        <v>2</v>
      </c>
      <c r="T53" s="24">
        <v>3</v>
      </c>
      <c r="U53" s="24">
        <v>4</v>
      </c>
      <c r="V53" s="44">
        <v>5</v>
      </c>
      <c r="W53" s="34">
        <v>6</v>
      </c>
    </row>
    <row r="54" spans="1:23" s="28" customFormat="1" ht="70.5" customHeight="1" x14ac:dyDescent="0.25">
      <c r="A54" s="32"/>
      <c r="B54" s="30"/>
      <c r="C54" s="30"/>
      <c r="D54" s="30"/>
      <c r="E54" s="30"/>
      <c r="F54" s="33"/>
      <c r="G54" s="36"/>
      <c r="I54" s="32"/>
      <c r="J54" s="30" t="s">
        <v>9</v>
      </c>
      <c r="K54" s="30" t="s">
        <v>3</v>
      </c>
      <c r="L54" s="30"/>
      <c r="M54" s="30" t="s">
        <v>8</v>
      </c>
      <c r="N54" s="33" t="s">
        <v>3</v>
      </c>
      <c r="O54" s="36"/>
      <c r="Q54" s="32"/>
      <c r="R54" s="30" t="s">
        <v>9</v>
      </c>
      <c r="S54" s="30" t="s">
        <v>3</v>
      </c>
      <c r="T54" s="30"/>
      <c r="U54" s="30" t="s">
        <v>8</v>
      </c>
      <c r="V54" s="33" t="s">
        <v>3</v>
      </c>
      <c r="W54" s="36"/>
    </row>
    <row r="55" spans="1:23" s="5" customFormat="1" ht="35.1" customHeight="1" x14ac:dyDescent="0.25">
      <c r="A55" s="43">
        <v>3</v>
      </c>
      <c r="B55" s="41">
        <v>4</v>
      </c>
      <c r="C55" s="41">
        <v>5</v>
      </c>
      <c r="D55" s="41">
        <v>6</v>
      </c>
      <c r="E55" s="41">
        <v>7</v>
      </c>
      <c r="F55" s="41">
        <v>8</v>
      </c>
      <c r="G55" s="40">
        <v>9</v>
      </c>
      <c r="I55" s="43">
        <v>7</v>
      </c>
      <c r="J55" s="41">
        <v>8</v>
      </c>
      <c r="K55" s="41">
        <v>9</v>
      </c>
      <c r="L55" s="41">
        <v>10</v>
      </c>
      <c r="M55" s="42">
        <v>11</v>
      </c>
      <c r="N55" s="41">
        <v>12</v>
      </c>
      <c r="O55" s="40">
        <v>13</v>
      </c>
      <c r="Q55" s="43">
        <v>7</v>
      </c>
      <c r="R55" s="41">
        <v>8</v>
      </c>
      <c r="S55" s="41">
        <v>9</v>
      </c>
      <c r="T55" s="41">
        <v>10</v>
      </c>
      <c r="U55" s="41">
        <v>11</v>
      </c>
      <c r="V55" s="41">
        <v>12</v>
      </c>
      <c r="W55" s="40">
        <v>13</v>
      </c>
    </row>
    <row r="56" spans="1:23" s="28" customFormat="1" ht="70.5" customHeight="1" x14ac:dyDescent="0.25">
      <c r="A56" s="31"/>
      <c r="B56" s="37" t="s">
        <v>9</v>
      </c>
      <c r="C56" s="37" t="s">
        <v>3</v>
      </c>
      <c r="D56" s="37"/>
      <c r="E56" s="37" t="s">
        <v>8</v>
      </c>
      <c r="F56" s="33" t="s">
        <v>3</v>
      </c>
      <c r="G56" s="36"/>
      <c r="I56" s="31"/>
      <c r="J56" s="37" t="s">
        <v>11</v>
      </c>
      <c r="K56" s="33" t="s">
        <v>3</v>
      </c>
      <c r="L56" s="37"/>
      <c r="M56" s="38" t="s">
        <v>12</v>
      </c>
      <c r="N56" s="37" t="s">
        <v>3</v>
      </c>
      <c r="O56" s="36"/>
      <c r="Q56" s="31"/>
      <c r="R56" s="37" t="s">
        <v>11</v>
      </c>
      <c r="S56" s="33" t="s">
        <v>3</v>
      </c>
      <c r="T56" s="37"/>
      <c r="U56" s="37" t="s">
        <v>4</v>
      </c>
      <c r="V56" s="33" t="s">
        <v>3</v>
      </c>
      <c r="W56" s="36"/>
    </row>
    <row r="57" spans="1:23" s="5" customFormat="1" ht="35.1" customHeight="1" x14ac:dyDescent="0.25">
      <c r="A57" s="43">
        <v>10</v>
      </c>
      <c r="B57" s="42">
        <v>11</v>
      </c>
      <c r="C57" s="41">
        <v>12</v>
      </c>
      <c r="D57" s="41">
        <v>13</v>
      </c>
      <c r="E57" s="41">
        <v>14</v>
      </c>
      <c r="F57" s="41">
        <v>15</v>
      </c>
      <c r="G57" s="40">
        <v>16</v>
      </c>
      <c r="I57" s="43">
        <v>14</v>
      </c>
      <c r="J57" s="41">
        <v>15</v>
      </c>
      <c r="K57" s="41">
        <v>16</v>
      </c>
      <c r="L57" s="41">
        <v>17</v>
      </c>
      <c r="M57" s="41">
        <v>18</v>
      </c>
      <c r="N57" s="41">
        <v>19</v>
      </c>
      <c r="O57" s="40">
        <v>20</v>
      </c>
      <c r="Q57" s="43">
        <v>14</v>
      </c>
      <c r="R57" s="41">
        <v>15</v>
      </c>
      <c r="S57" s="41">
        <v>16</v>
      </c>
      <c r="T57" s="41">
        <v>17</v>
      </c>
      <c r="U57" s="41">
        <v>18</v>
      </c>
      <c r="V57" s="41">
        <v>19</v>
      </c>
      <c r="W57" s="40">
        <v>20</v>
      </c>
    </row>
    <row r="58" spans="1:23" s="28" customFormat="1" ht="70.5" customHeight="1" x14ac:dyDescent="0.25">
      <c r="A58" s="31"/>
      <c r="B58" s="38" t="s">
        <v>10</v>
      </c>
      <c r="C58" s="33" t="s">
        <v>3</v>
      </c>
      <c r="D58" s="37"/>
      <c r="E58" s="37" t="s">
        <v>4</v>
      </c>
      <c r="F58" s="33" t="s">
        <v>3</v>
      </c>
      <c r="G58" s="36"/>
      <c r="I58" s="31"/>
      <c r="J58" s="37" t="s">
        <v>9</v>
      </c>
      <c r="K58" s="33" t="s">
        <v>3</v>
      </c>
      <c r="L58" s="37"/>
      <c r="M58" s="37" t="s">
        <v>8</v>
      </c>
      <c r="N58" s="33" t="s">
        <v>3</v>
      </c>
      <c r="O58" s="36"/>
      <c r="Q58" s="31"/>
      <c r="R58" s="37" t="s">
        <v>9</v>
      </c>
      <c r="S58" s="33" t="s">
        <v>3</v>
      </c>
      <c r="T58" s="37"/>
      <c r="U58" s="37" t="s">
        <v>8</v>
      </c>
      <c r="V58" s="33" t="s">
        <v>3</v>
      </c>
      <c r="W58" s="36"/>
    </row>
    <row r="59" spans="1:23" s="5" customFormat="1" ht="35.1" customHeight="1" x14ac:dyDescent="0.25">
      <c r="A59" s="43">
        <v>17</v>
      </c>
      <c r="B59" s="41">
        <v>18</v>
      </c>
      <c r="C59" s="41">
        <v>19</v>
      </c>
      <c r="D59" s="41">
        <v>20</v>
      </c>
      <c r="E59" s="41">
        <v>21</v>
      </c>
      <c r="F59" s="41">
        <v>22</v>
      </c>
      <c r="G59" s="40">
        <v>23</v>
      </c>
      <c r="I59" s="43">
        <v>21</v>
      </c>
      <c r="J59" s="41">
        <v>22</v>
      </c>
      <c r="K59" s="42">
        <v>23</v>
      </c>
      <c r="L59" s="41">
        <v>24</v>
      </c>
      <c r="M59" s="41">
        <v>25</v>
      </c>
      <c r="N59" s="41">
        <v>26</v>
      </c>
      <c r="O59" s="40">
        <v>27</v>
      </c>
      <c r="Q59" s="43">
        <v>21</v>
      </c>
      <c r="R59" s="42">
        <v>22</v>
      </c>
      <c r="S59" s="41">
        <v>23</v>
      </c>
      <c r="T59" s="41">
        <v>24</v>
      </c>
      <c r="U59" s="41">
        <v>25</v>
      </c>
      <c r="V59" s="41">
        <v>26</v>
      </c>
      <c r="W59" s="40">
        <v>27</v>
      </c>
    </row>
    <row r="60" spans="1:23" s="28" customFormat="1" ht="70.5" customHeight="1" x14ac:dyDescent="0.25">
      <c r="A60" s="31"/>
      <c r="B60" s="37" t="s">
        <v>9</v>
      </c>
      <c r="C60" s="33" t="s">
        <v>3</v>
      </c>
      <c r="D60" s="37"/>
      <c r="E60" s="37" t="s">
        <v>8</v>
      </c>
      <c r="F60" s="33" t="s">
        <v>3</v>
      </c>
      <c r="G60" s="36"/>
      <c r="I60" s="31"/>
      <c r="J60" s="37" t="s">
        <v>5</v>
      </c>
      <c r="K60" s="39" t="s">
        <v>7</v>
      </c>
      <c r="L60" s="37"/>
      <c r="M60" s="37" t="s">
        <v>4</v>
      </c>
      <c r="N60" s="33" t="s">
        <v>3</v>
      </c>
      <c r="O60" s="36"/>
      <c r="Q60" s="31"/>
      <c r="R60" s="38" t="s">
        <v>6</v>
      </c>
      <c r="S60" s="33" t="s">
        <v>3</v>
      </c>
      <c r="T60" s="37"/>
      <c r="U60" s="37" t="s">
        <v>4</v>
      </c>
      <c r="V60" s="33" t="s">
        <v>3</v>
      </c>
      <c r="W60" s="36"/>
    </row>
    <row r="61" spans="1:23" s="5" customFormat="1" ht="35.1" customHeight="1" x14ac:dyDescent="0.25">
      <c r="A61" s="26">
        <v>24</v>
      </c>
      <c r="B61" s="24">
        <v>25</v>
      </c>
      <c r="C61" s="24">
        <v>26</v>
      </c>
      <c r="D61" s="24">
        <v>27</v>
      </c>
      <c r="E61" s="24">
        <v>28</v>
      </c>
      <c r="F61" s="24">
        <v>29</v>
      </c>
      <c r="G61" s="34">
        <v>30</v>
      </c>
      <c r="I61" s="35">
        <v>28</v>
      </c>
      <c r="J61" s="24">
        <v>0</v>
      </c>
      <c r="K61" s="24">
        <v>0</v>
      </c>
      <c r="L61" s="24">
        <v>0</v>
      </c>
      <c r="M61" s="24">
        <v>0</v>
      </c>
      <c r="N61" s="24">
        <v>0</v>
      </c>
      <c r="O61" s="34">
        <v>0</v>
      </c>
      <c r="Q61" s="35">
        <v>28</v>
      </c>
      <c r="R61" s="24">
        <v>29</v>
      </c>
      <c r="S61" s="24">
        <v>30</v>
      </c>
      <c r="T61" s="24">
        <v>31</v>
      </c>
      <c r="U61" s="24">
        <v>0</v>
      </c>
      <c r="V61" s="24">
        <v>0</v>
      </c>
      <c r="W61" s="34">
        <v>0</v>
      </c>
    </row>
    <row r="62" spans="1:23" s="28" customFormat="1" ht="70.5" customHeight="1" x14ac:dyDescent="0.25">
      <c r="A62" s="31"/>
      <c r="B62" s="30" t="s">
        <v>5</v>
      </c>
      <c r="C62" s="33" t="s">
        <v>3</v>
      </c>
      <c r="D62" s="30"/>
      <c r="E62" s="30" t="s">
        <v>4</v>
      </c>
      <c r="F62" s="30" t="s">
        <v>3</v>
      </c>
      <c r="G62" s="29"/>
      <c r="I62" s="32"/>
      <c r="J62" s="30"/>
      <c r="K62" s="30"/>
      <c r="L62" s="30"/>
      <c r="M62" s="30"/>
      <c r="N62" s="30"/>
      <c r="O62" s="29"/>
      <c r="Q62" s="31"/>
      <c r="R62" s="30"/>
      <c r="S62" s="30" t="s">
        <v>3</v>
      </c>
      <c r="T62" s="30"/>
      <c r="U62" s="30"/>
      <c r="V62" s="30"/>
      <c r="W62" s="29"/>
    </row>
    <row r="63" spans="1:23" s="5" customFormat="1" ht="35.1" customHeight="1" x14ac:dyDescent="0.25">
      <c r="A63" s="26">
        <v>31</v>
      </c>
      <c r="B63" s="24">
        <v>0</v>
      </c>
      <c r="C63" s="25" t="s">
        <v>2</v>
      </c>
      <c r="D63" s="24"/>
      <c r="E63" s="24"/>
      <c r="F63" s="24"/>
      <c r="G63" s="23" t="s">
        <v>1</v>
      </c>
      <c r="I63" s="27"/>
      <c r="J63" s="24"/>
      <c r="K63" s="25" t="s">
        <v>2</v>
      </c>
      <c r="L63" s="24"/>
      <c r="M63" s="24"/>
      <c r="N63" s="24"/>
      <c r="O63" s="23" t="s">
        <v>1</v>
      </c>
      <c r="Q63" s="26">
        <v>0</v>
      </c>
      <c r="R63" s="24">
        <v>0</v>
      </c>
      <c r="S63" s="25" t="s">
        <v>2</v>
      </c>
      <c r="T63" s="24"/>
      <c r="U63" s="24"/>
      <c r="V63" s="24"/>
      <c r="W63" s="23" t="s">
        <v>1</v>
      </c>
    </row>
    <row r="64" spans="1:23" s="6" customFormat="1" ht="70.5" customHeight="1" thickBot="1" x14ac:dyDescent="0.3">
      <c r="A64" s="21"/>
      <c r="B64" s="20"/>
      <c r="C64" s="19" t="s">
        <v>0</v>
      </c>
      <c r="D64" s="18"/>
      <c r="E64" s="18"/>
      <c r="F64" s="18"/>
      <c r="G64" s="17"/>
      <c r="H64" s="22"/>
      <c r="I64" s="21"/>
      <c r="J64" s="20"/>
      <c r="K64" s="19" t="s">
        <v>0</v>
      </c>
      <c r="L64" s="18"/>
      <c r="M64" s="18"/>
      <c r="N64" s="18"/>
      <c r="O64" s="17"/>
      <c r="P64" s="22"/>
      <c r="Q64" s="21"/>
      <c r="R64" s="20"/>
      <c r="S64" s="19" t="s">
        <v>0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47" t="s">
        <v>62</v>
      </c>
      <c r="P65" s="147"/>
      <c r="Q65" s="147"/>
      <c r="R65" s="147"/>
      <c r="S65" s="147"/>
      <c r="T65" s="147"/>
      <c r="U65" s="147"/>
      <c r="V65" s="147"/>
      <c r="W65" s="10">
        <v>41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8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S6:U6"/>
    <mergeCell ref="G4:H4"/>
    <mergeCell ref="L4:M4"/>
    <mergeCell ref="O4:P4"/>
    <mergeCell ref="Q4:R4"/>
    <mergeCell ref="L5:N5"/>
    <mergeCell ref="O5:P5"/>
    <mergeCell ref="Q5:R5"/>
    <mergeCell ref="C6:E6"/>
    <mergeCell ref="K6:M6"/>
    <mergeCell ref="C51:E51"/>
    <mergeCell ref="K51:M51"/>
    <mergeCell ref="S51:U51"/>
    <mergeCell ref="O65:V65"/>
    <mergeCell ref="Z20:AH20"/>
    <mergeCell ref="C21:E21"/>
    <mergeCell ref="K21:M21"/>
    <mergeCell ref="S21:U21"/>
    <mergeCell ref="O35:V35"/>
    <mergeCell ref="C36:E36"/>
    <mergeCell ref="S36:U36"/>
    <mergeCell ref="K36:M36"/>
  </mergeCells>
  <phoneticPr fontId="2"/>
  <conditionalFormatting sqref="A11">
    <cfRule type="cellIs" dxfId="18" priority="12" stopIfTrue="1" operator="equal">
      <formula>$A10="0"</formula>
    </cfRule>
  </conditionalFormatting>
  <conditionalFormatting sqref="A16 I16 Q16 A31 I31 Q31 A46 I46 Q46 I61 Q61">
    <cfRule type="cellIs" dxfId="17" priority="19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14" stopIfTrue="1">
      <formula>A16&gt;0</formula>
    </cfRule>
  </conditionalFormatting>
  <conditionalFormatting sqref="A18 I18 Q18 A33 I33 Q33 A48 I48 Q48 A61 A63 I63 Q63">
    <cfRule type="cellIs" dxfId="15" priority="17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16" stopIfTrue="1" operator="greaterThan">
      <formula>0</formula>
    </cfRule>
  </conditionalFormatting>
  <conditionalFormatting sqref="B9:F9 J9:N9 R9:V9 B11 E11 B13 E13 B15 E15 B17 E17 B19 B24:F24 J24:N24 R24:V24 B39:F39 J39:L39 N39 R39:V39 B54:F54 J54:N54 R54:V54">
    <cfRule type="expression" dxfId="13" priority="13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18" stopIfTrue="1" operator="greaterThan">
      <formula>0</formula>
    </cfRule>
  </conditionalFormatting>
  <conditionalFormatting sqref="C17:D17 F17 J17:N17 R17:V17 J19 R19 B32:F32 J32:N32 S32:V32 B34 J34 R34 V45 B47:F47 K47:N47 R47:V47 B49 J49 R49 B62 D62 F62 J62:N62 R62:V62 B64 J64 R64">
    <cfRule type="expression" dxfId="11" priority="15" stopIfTrue="1">
      <formula>B16&gt;0</formula>
    </cfRule>
  </conditionalFormatting>
  <conditionalFormatting sqref="D33:F33">
    <cfRule type="cellIs" dxfId="10" priority="9" stopIfTrue="1" operator="greaterThan">
      <formula>0</formula>
    </cfRule>
  </conditionalFormatting>
  <conditionalFormatting sqref="D48:F48">
    <cfRule type="cellIs" dxfId="9" priority="6" stopIfTrue="1" operator="greaterThan">
      <formula>0</formula>
    </cfRule>
  </conditionalFormatting>
  <conditionalFormatting sqref="D63:F63">
    <cfRule type="cellIs" dxfId="8" priority="3" stopIfTrue="1" operator="greaterThan">
      <formula>0</formula>
    </cfRule>
  </conditionalFormatting>
  <conditionalFormatting sqref="L18:N18">
    <cfRule type="cellIs" dxfId="7" priority="11" stopIfTrue="1" operator="greaterThan">
      <formula>0</formula>
    </cfRule>
  </conditionalFormatting>
  <conditionalFormatting sqref="L33:N33">
    <cfRule type="cellIs" dxfId="6" priority="8" stopIfTrue="1" operator="greaterThan">
      <formula>0</formula>
    </cfRule>
  </conditionalFormatting>
  <conditionalFormatting sqref="L48:N48">
    <cfRule type="cellIs" dxfId="5" priority="5" stopIfTrue="1" operator="greaterThan">
      <formula>0</formula>
    </cfRule>
  </conditionalFormatting>
  <conditionalFormatting sqref="L63:N63">
    <cfRule type="cellIs" dxfId="4" priority="2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7" stopIfTrue="1" operator="greaterThan">
      <formula>0</formula>
    </cfRule>
  </conditionalFormatting>
  <conditionalFormatting sqref="T48:V48">
    <cfRule type="cellIs" dxfId="1" priority="4" stopIfTrue="1" operator="greaterThan">
      <formula>0</formula>
    </cfRule>
  </conditionalFormatting>
  <conditionalFormatting sqref="T63:V63">
    <cfRule type="cellIs" dxfId="0" priority="1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1</vt:lpstr>
      <vt:lpstr>'41'!Print_Area</vt:lpstr>
      <vt:lpstr>'41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5:17Z</cp:lastPrinted>
  <dcterms:created xsi:type="dcterms:W3CDTF">2025-12-02T02:58:18Z</dcterms:created>
  <dcterms:modified xsi:type="dcterms:W3CDTF">2026-01-16T02:07:13Z</dcterms:modified>
</cp:coreProperties>
</file>